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2_健康づくりＧ\95_福祉統計（R4からたばこ対策G所管）\R5\07_HP\05\"/>
    </mc:Choice>
  </mc:AlternateContent>
  <bookViews>
    <workbookView xWindow="0" yWindow="0" windowWidth="17988" windowHeight="7956"/>
  </bookViews>
  <sheets>
    <sheet name="5-9" sheetId="1" r:id="rId1"/>
  </sheets>
  <externalReferences>
    <externalReference r:id="rId2"/>
    <externalReference r:id="rId3"/>
    <externalReference r:id="rId4"/>
    <externalReference r:id="rId5"/>
  </externalReferences>
  <definedNames>
    <definedName name="_8">#REF!</definedName>
    <definedName name="_A">'[2]2-(1)-1'!#REF!</definedName>
    <definedName name="_C" localSheetId="0">'[2]2-(1)-1'!#REF!</definedName>
    <definedName name="_C">'[2]2-(1)-1'!#REF!</definedName>
    <definedName name="_E" localSheetId="0">'[2]2-(1)-1'!#REF!</definedName>
    <definedName name="_E">'[2]2-(1)-1'!#REF!</definedName>
    <definedName name="_Fill" localSheetId="0" hidden="1">'[3]重心自閉(H11)'!#REF!</definedName>
    <definedName name="_Fill" hidden="1">'[3]重心自閉(H11)'!#REF!</definedName>
    <definedName name="_hh" hidden="1">'[3]重心自閉(H11)'!#REF!</definedName>
    <definedName name="_Key1" hidden="1">#REF!</definedName>
    <definedName name="_M">'[2]2-(1)-1'!#REF!</definedName>
    <definedName name="_N" localSheetId="0">'[2]2-(1)-1'!#REF!</definedName>
    <definedName name="_N">'[2]2-(1)-1'!#REF!</definedName>
    <definedName name="_o" localSheetId="0">#REF!</definedName>
    <definedName name="_o">#REF!</definedName>
    <definedName name="_Order1" hidden="1">255</definedName>
    <definedName name="_P" localSheetId="0">'[2]2-(1)-1'!#REF!</definedName>
    <definedName name="_P">'[2]2-(1)-1'!#REF!</definedName>
    <definedName name="_Q" localSheetId="0">'[2]2-(1)-1'!#REF!</definedName>
    <definedName name="_Q">'[2]2-(1)-1'!#REF!</definedName>
    <definedName name="_R" localSheetId="0">'[2]2-(1)-1'!#REF!</definedName>
    <definedName name="_R">'[2]2-(1)-1'!#REF!</definedName>
    <definedName name="_Sort" localSheetId="0" hidden="1">'[3]重心自閉(H11)'!#REF!</definedName>
    <definedName name="_Sort" hidden="1">'[3]重心自閉(H11)'!#REF!</definedName>
    <definedName name="_T" localSheetId="0">#REF!</definedName>
    <definedName name="_T">#REF!</definedName>
    <definedName name="_U">'[2]2-(1)-1'!#REF!</definedName>
    <definedName name="_X" localSheetId="0">'[2]2-(1)-1'!#REF!</definedName>
    <definedName name="_X">'[2]2-(1)-1'!#REF!</definedName>
    <definedName name="\a">#REF!</definedName>
    <definedName name="\i">#REF!</definedName>
    <definedName name="\s">#REF!</definedName>
    <definedName name="A">#N/A</definedName>
    <definedName name="_xlnm.Print_Area" localSheetId="0">'5-9'!$A$1:$V$20</definedName>
    <definedName name="_xlnm.Print_Area">#REF!</definedName>
    <definedName name="Print_Area_MI" localSheetId="0">#REF!</definedName>
    <definedName name="Print_Area_MI">#REF!</definedName>
    <definedName name="table1">'[4]13表'!$E$13:$J$18</definedName>
    <definedName name="test1">'[4]13表'!$E$13:$H$17</definedName>
    <definedName name="Z_C27FC36F_7DA4_4822_860B_0B3D8B2EC982_.wvu.PrintArea" localSheetId="0" hidden="1">'5-9'!$A$1:$V$20</definedName>
    <definedName name="あ">#REF!</definedName>
    <definedName name="し" localSheetId="0">#REF!</definedName>
    <definedName name="し">#REF!</definedName>
    <definedName name="たかし">'[4]13表'!$E$13:$H$17</definedName>
    <definedName name="第_6_精神手帳交付">#REF!</definedName>
    <definedName name="第33_環境衛生.食品">#REF!</definedName>
    <definedName name="第34_医療監視">#REF!</definedName>
    <definedName name="第35_医療法人">#REF!</definedName>
    <definedName name="第46_薬局">#REF!</definedName>
    <definedName name="第47_薬事監視">#REF!</definedName>
    <definedName name="第48_毒劇物監視">#REF!</definedName>
    <definedName name="不明" localSheetId="0">#REF!</definedName>
    <definedName name="不明">#REF!</definedName>
    <definedName name="有名" localSheetId="0">#REF!</definedName>
    <definedName name="有名">#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V19" i="1" l="1"/>
  <c r="U19" i="1"/>
  <c r="T19" i="1"/>
  <c r="S19" i="1"/>
  <c r="R19" i="1"/>
  <c r="Q19" i="1"/>
  <c r="P19" i="1"/>
  <c r="O19" i="1"/>
  <c r="L19" i="1" s="1"/>
  <c r="N19" i="1"/>
  <c r="M19" i="1"/>
  <c r="K19" i="1"/>
  <c r="J19" i="1"/>
  <c r="I19" i="1"/>
  <c r="H19" i="1"/>
  <c r="G19" i="1"/>
  <c r="F19" i="1"/>
  <c r="E19" i="1"/>
  <c r="C19" i="1"/>
  <c r="Q18" i="1"/>
  <c r="L18" i="1"/>
  <c r="D18" i="1"/>
  <c r="D19" i="1" s="1"/>
  <c r="Q17" i="1"/>
  <c r="Q5" i="1" s="1"/>
  <c r="L17" i="1"/>
  <c r="D17" i="1"/>
  <c r="V16" i="1"/>
  <c r="U16" i="1"/>
  <c r="T16" i="1"/>
  <c r="S16" i="1"/>
  <c r="R16" i="1"/>
  <c r="Q16" i="1"/>
  <c r="P16" i="1"/>
  <c r="O16" i="1"/>
  <c r="N16" i="1"/>
  <c r="L16" i="1" s="1"/>
  <c r="M16" i="1"/>
  <c r="K16" i="1"/>
  <c r="J16" i="1"/>
  <c r="I16" i="1"/>
  <c r="I7" i="1" s="1"/>
  <c r="H16" i="1"/>
  <c r="G16" i="1"/>
  <c r="F16" i="1"/>
  <c r="E16" i="1"/>
  <c r="D16" i="1"/>
  <c r="C16" i="1"/>
  <c r="Q15" i="1"/>
  <c r="L15" i="1"/>
  <c r="L6" i="1" s="1"/>
  <c r="D15" i="1"/>
  <c r="Q14" i="1"/>
  <c r="L14" i="1"/>
  <c r="D14" i="1"/>
  <c r="V13" i="1"/>
  <c r="U13" i="1"/>
  <c r="T13" i="1"/>
  <c r="S13" i="1"/>
  <c r="S7" i="1" s="1"/>
  <c r="R13" i="1"/>
  <c r="Q13" i="1" s="1"/>
  <c r="P13" i="1"/>
  <c r="O13" i="1"/>
  <c r="N13" i="1"/>
  <c r="M13" i="1"/>
  <c r="L13" i="1"/>
  <c r="K13" i="1"/>
  <c r="K7" i="1" s="1"/>
  <c r="J13" i="1"/>
  <c r="I13" i="1"/>
  <c r="H13" i="1"/>
  <c r="G13" i="1"/>
  <c r="F13" i="1"/>
  <c r="E13" i="1"/>
  <c r="C13" i="1"/>
  <c r="C7" i="1" s="1"/>
  <c r="Q12" i="1"/>
  <c r="L12" i="1"/>
  <c r="D12" i="1"/>
  <c r="Q11" i="1"/>
  <c r="L11" i="1"/>
  <c r="D11" i="1"/>
  <c r="D13" i="1" s="1"/>
  <c r="V10" i="1"/>
  <c r="V7" i="1" s="1"/>
  <c r="U10" i="1"/>
  <c r="U7" i="1" s="1"/>
  <c r="T10" i="1"/>
  <c r="S10" i="1"/>
  <c r="R10" i="1"/>
  <c r="Q10" i="1" s="1"/>
  <c r="Q7" i="1" s="1"/>
  <c r="P10" i="1"/>
  <c r="O10" i="1"/>
  <c r="N10" i="1"/>
  <c r="M10" i="1"/>
  <c r="L10" i="1" s="1"/>
  <c r="L7" i="1" s="1"/>
  <c r="K10" i="1"/>
  <c r="J10" i="1"/>
  <c r="I10" i="1"/>
  <c r="H10" i="1"/>
  <c r="G10" i="1"/>
  <c r="F10" i="1"/>
  <c r="E10" i="1"/>
  <c r="E7" i="1" s="1"/>
  <c r="C10" i="1"/>
  <c r="Q9" i="1"/>
  <c r="L9" i="1"/>
  <c r="D9" i="1"/>
  <c r="Q8" i="1"/>
  <c r="L8" i="1"/>
  <c r="D8" i="1"/>
  <c r="D10" i="1" s="1"/>
  <c r="T7" i="1"/>
  <c r="R7" i="1"/>
  <c r="P7" i="1"/>
  <c r="O7" i="1"/>
  <c r="N7" i="1"/>
  <c r="J7" i="1"/>
  <c r="H7" i="1"/>
  <c r="G7" i="1"/>
  <c r="F7" i="1"/>
  <c r="V6" i="1"/>
  <c r="U6" i="1"/>
  <c r="T6" i="1"/>
  <c r="S6" i="1"/>
  <c r="R6" i="1"/>
  <c r="Q6" i="1"/>
  <c r="P6" i="1"/>
  <c r="O6" i="1"/>
  <c r="N6" i="1"/>
  <c r="M6" i="1"/>
  <c r="K6" i="1"/>
  <c r="J6" i="1"/>
  <c r="I6" i="1"/>
  <c r="H6" i="1"/>
  <c r="G6" i="1"/>
  <c r="F6" i="1"/>
  <c r="E6" i="1"/>
  <c r="D6" i="1"/>
  <c r="C6" i="1"/>
  <c r="V5" i="1"/>
  <c r="U5" i="1"/>
  <c r="T5" i="1"/>
  <c r="S5" i="1"/>
  <c r="R5" i="1"/>
  <c r="P5" i="1"/>
  <c r="O5" i="1"/>
  <c r="N5" i="1"/>
  <c r="M5" i="1"/>
  <c r="L5" i="1"/>
  <c r="K5" i="1"/>
  <c r="J5" i="1"/>
  <c r="I5" i="1"/>
  <c r="H5" i="1"/>
  <c r="G5" i="1"/>
  <c r="F5" i="1"/>
  <c r="E5" i="1"/>
  <c r="C5" i="1"/>
  <c r="D7" i="1" l="1"/>
  <c r="D5" i="1"/>
  <c r="M7" i="1"/>
</calcChain>
</file>

<file path=xl/sharedStrings.xml><?xml version="1.0" encoding="utf-8"?>
<sst xmlns="http://schemas.openxmlformats.org/spreadsheetml/2006/main" count="47" uniqueCount="30">
  <si>
    <t>5-9表　身体障害者更生相談所における処理状況</t>
    <phoneticPr fontId="2"/>
  </si>
  <si>
    <t>令和４年度分</t>
    <rPh sb="0" eb="2">
      <t>レイワ</t>
    </rPh>
    <phoneticPr fontId="2"/>
  </si>
  <si>
    <t>項目</t>
  </si>
  <si>
    <t>取扱
実人員</t>
    <rPh sb="0" eb="2">
      <t>トリアツカ</t>
    </rPh>
    <phoneticPr fontId="2"/>
  </si>
  <si>
    <t>相談内容</t>
  </si>
  <si>
    <t>判定内容</t>
  </si>
  <si>
    <t>判定書等交付件数</t>
    <rPh sb="0" eb="2">
      <t>ハンテイ</t>
    </rPh>
    <rPh sb="2" eb="3">
      <t>カ</t>
    </rPh>
    <rPh sb="3" eb="4">
      <t>トウ</t>
    </rPh>
    <rPh sb="4" eb="6">
      <t>コウフ</t>
    </rPh>
    <rPh sb="6" eb="8">
      <t>ケンスウ</t>
    </rPh>
    <phoneticPr fontId="2"/>
  </si>
  <si>
    <t>計</t>
  </si>
  <si>
    <t>自立支援医療（更生医療）</t>
    <rPh sb="0" eb="2">
      <t>ジリツ</t>
    </rPh>
    <rPh sb="2" eb="4">
      <t>シエン</t>
    </rPh>
    <rPh sb="4" eb="6">
      <t>イリョウ</t>
    </rPh>
    <phoneticPr fontId="2"/>
  </si>
  <si>
    <t>補装具</t>
  </si>
  <si>
    <t>身体障害者手帳</t>
    <rPh sb="0" eb="2">
      <t>シンタイ</t>
    </rPh>
    <rPh sb="2" eb="5">
      <t>ショウガイシャ</t>
    </rPh>
    <rPh sb="5" eb="7">
      <t>テチョウ</t>
    </rPh>
    <phoneticPr fontId="2"/>
  </si>
  <si>
    <t>職業</t>
  </si>
  <si>
    <t>施設</t>
  </si>
  <si>
    <t>生活</t>
  </si>
  <si>
    <t>その他</t>
  </si>
  <si>
    <t>医学的
判定</t>
  </si>
  <si>
    <t>心理的
判定</t>
    <rPh sb="2" eb="3">
      <t>テキ</t>
    </rPh>
    <phoneticPr fontId="2"/>
  </si>
  <si>
    <t>職能的
判定</t>
    <rPh sb="2" eb="3">
      <t>テキ</t>
    </rPh>
    <phoneticPr fontId="2"/>
  </si>
  <si>
    <t>その他の判定</t>
    <rPh sb="4" eb="6">
      <t>ハンテイ</t>
    </rPh>
    <phoneticPr fontId="2"/>
  </si>
  <si>
    <t>身体障害者手帳</t>
    <phoneticPr fontId="2"/>
  </si>
  <si>
    <t>障害程度区分</t>
    <phoneticPr fontId="2"/>
  </si>
  <si>
    <t>その他</t>
    <rPh sb="2" eb="3">
      <t>タ</t>
    </rPh>
    <phoneticPr fontId="2"/>
  </si>
  <si>
    <t>総計</t>
    <phoneticPr fontId="2"/>
  </si>
  <si>
    <t>来所</t>
  </si>
  <si>
    <t>巡回</t>
  </si>
  <si>
    <t>横浜市障害者
更生相談所</t>
    <rPh sb="3" eb="6">
      <t>ショウガイシャ</t>
    </rPh>
    <rPh sb="7" eb="9">
      <t>コウセイ</t>
    </rPh>
    <rPh sb="9" eb="11">
      <t>ソウダン</t>
    </rPh>
    <rPh sb="11" eb="12">
      <t>ショ</t>
    </rPh>
    <phoneticPr fontId="2"/>
  </si>
  <si>
    <t>川崎市障害者
更生相談所</t>
    <rPh sb="0" eb="1">
      <t>カワサキ</t>
    </rPh>
    <rPh sb="1" eb="2">
      <t>カワサキ</t>
    </rPh>
    <rPh sb="3" eb="6">
      <t>ショウガイシャ</t>
    </rPh>
    <rPh sb="7" eb="9">
      <t>コウセイ</t>
    </rPh>
    <rPh sb="9" eb="11">
      <t>ソウダン</t>
    </rPh>
    <rPh sb="11" eb="12">
      <t>ショ</t>
    </rPh>
    <phoneticPr fontId="2"/>
  </si>
  <si>
    <t>相模原市障害者
更生相談所</t>
    <rPh sb="0" eb="3">
      <t>サガミハラ</t>
    </rPh>
    <rPh sb="4" eb="7">
      <t>ショウガイシャ</t>
    </rPh>
    <rPh sb="8" eb="10">
      <t>コウセイ</t>
    </rPh>
    <rPh sb="10" eb="12">
      <t>ソウダン</t>
    </rPh>
    <rPh sb="12" eb="13">
      <t>ショ</t>
    </rPh>
    <phoneticPr fontId="2"/>
  </si>
  <si>
    <t>神奈川県障害者
更生相談所</t>
    <rPh sb="3" eb="4">
      <t>ケン</t>
    </rPh>
    <rPh sb="4" eb="7">
      <t>ショウガイシャ</t>
    </rPh>
    <rPh sb="8" eb="10">
      <t>コウセイ</t>
    </rPh>
    <rPh sb="10" eb="12">
      <t>ソウダン</t>
    </rPh>
    <rPh sb="12" eb="13">
      <t>ショ</t>
    </rPh>
    <phoneticPr fontId="2"/>
  </si>
  <si>
    <t>資料：障害福祉課</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_(* #,##0_);_(* \(#,##0\);_(* &quot;-&quot;_);_(@_)"/>
    <numFmt numFmtId="177" formatCode="&quot;(&quot;##,###&quot;)&quot;"/>
  </numFmts>
  <fonts count="4" x14ac:knownFonts="1">
    <font>
      <sz val="11"/>
      <name val="ＭＳ Ｐゴシック"/>
      <family val="3"/>
      <charset val="128"/>
    </font>
    <font>
      <sz val="11"/>
      <name val="メイリオ"/>
      <family val="3"/>
      <charset val="128"/>
    </font>
    <font>
      <sz val="6"/>
      <name val="ＭＳ Ｐゴシック"/>
      <family val="3"/>
      <charset val="128"/>
    </font>
    <font>
      <sz val="11"/>
      <color theme="4" tint="-0.499984740745262"/>
      <name val="メイリオ"/>
      <family val="3"/>
      <charset val="128"/>
    </font>
  </fonts>
  <fills count="5">
    <fill>
      <patternFill patternType="none"/>
    </fill>
    <fill>
      <patternFill patternType="gray125"/>
    </fill>
    <fill>
      <patternFill patternType="solid">
        <fgColor indexed="9"/>
        <bgColor indexed="64"/>
      </patternFill>
    </fill>
    <fill>
      <patternFill patternType="solid">
        <fgColor theme="4" tint="0.79998168889431442"/>
        <bgColor indexed="64"/>
      </patternFill>
    </fill>
    <fill>
      <patternFill patternType="solid">
        <fgColor theme="5" tint="0.79998168889431442"/>
        <bgColor indexed="64"/>
      </patternFill>
    </fill>
  </fills>
  <borders count="80">
    <border>
      <left/>
      <right/>
      <top/>
      <bottom/>
      <diagonal/>
    </border>
    <border>
      <left/>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style="medium">
        <color indexed="64"/>
      </right>
      <top style="medium">
        <color indexed="64"/>
      </top>
      <bottom/>
      <diagonal/>
    </border>
    <border>
      <left/>
      <right/>
      <top style="medium">
        <color indexed="64"/>
      </top>
      <bottom style="thin">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medium">
        <color indexed="64"/>
      </right>
      <top/>
      <bottom/>
      <diagonal/>
    </border>
    <border>
      <left/>
      <right style="double">
        <color indexed="64"/>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style="medium">
        <color indexed="64"/>
      </left>
      <right style="double">
        <color indexed="64"/>
      </right>
      <top style="thin">
        <color indexed="64"/>
      </top>
      <bottom/>
      <diagonal/>
    </border>
    <border>
      <left style="thin">
        <color indexed="64"/>
      </left>
      <right style="medium">
        <color indexed="64"/>
      </right>
      <top style="thin">
        <color indexed="64"/>
      </top>
      <bottom/>
      <diagonal/>
    </border>
    <border>
      <left style="medium">
        <color indexed="64"/>
      </left>
      <right/>
      <top/>
      <bottom style="medium">
        <color indexed="64"/>
      </bottom>
      <diagonal/>
    </border>
    <border>
      <left/>
      <right style="medium">
        <color indexed="64"/>
      </right>
      <top/>
      <bottom style="medium">
        <color indexed="64"/>
      </bottom>
      <diagonal/>
    </border>
    <border>
      <left/>
      <right style="double">
        <color indexed="64"/>
      </right>
      <top/>
      <bottom/>
      <diagonal/>
    </border>
    <border>
      <left/>
      <right style="thin">
        <color indexed="64"/>
      </right>
      <top/>
      <bottom/>
      <diagonal/>
    </border>
    <border>
      <left style="thin">
        <color indexed="64"/>
      </left>
      <right style="thin">
        <color indexed="64"/>
      </right>
      <top/>
      <bottom/>
      <diagonal/>
    </border>
    <border>
      <left style="thin">
        <color indexed="64"/>
      </left>
      <right/>
      <top/>
      <bottom/>
      <diagonal/>
    </border>
    <border>
      <left style="medium">
        <color indexed="64"/>
      </left>
      <right style="double">
        <color indexed="64"/>
      </right>
      <top/>
      <bottom/>
      <diagonal/>
    </border>
    <border>
      <left style="thin">
        <color indexed="64"/>
      </left>
      <right style="medium">
        <color indexed="64"/>
      </right>
      <top/>
      <bottom/>
      <diagonal/>
    </border>
    <border>
      <left style="medium">
        <color indexed="64"/>
      </left>
      <right style="thin">
        <color indexed="64"/>
      </right>
      <top style="medium">
        <color indexed="64"/>
      </top>
      <bottom/>
      <diagonal/>
    </border>
    <border>
      <left style="thin">
        <color indexed="64"/>
      </left>
      <right style="medium">
        <color indexed="64"/>
      </right>
      <top style="medium">
        <color indexed="64"/>
      </top>
      <bottom style="hair">
        <color indexed="64"/>
      </bottom>
      <diagonal/>
    </border>
    <border>
      <left style="medium">
        <color indexed="64"/>
      </left>
      <right style="medium">
        <color indexed="64"/>
      </right>
      <top style="medium">
        <color indexed="64"/>
      </top>
      <bottom style="hair">
        <color indexed="64"/>
      </bottom>
      <diagonal/>
    </border>
    <border>
      <left/>
      <right style="double">
        <color indexed="64"/>
      </right>
      <top style="medium">
        <color indexed="64"/>
      </top>
      <bottom style="hair">
        <color indexed="64"/>
      </bottom>
      <diagonal/>
    </border>
    <border>
      <left/>
      <right style="thin">
        <color indexed="64"/>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style="thin">
        <color indexed="64"/>
      </left>
      <right/>
      <top style="medium">
        <color indexed="64"/>
      </top>
      <bottom style="hair">
        <color indexed="64"/>
      </bottom>
      <diagonal/>
    </border>
    <border>
      <left style="medium">
        <color indexed="64"/>
      </left>
      <right style="double">
        <color indexed="64"/>
      </right>
      <top style="medium">
        <color indexed="64"/>
      </top>
      <bottom style="hair">
        <color indexed="64"/>
      </bottom>
      <diagonal/>
    </border>
    <border>
      <left style="medium">
        <color indexed="64"/>
      </left>
      <right style="thin">
        <color indexed="64"/>
      </right>
      <top/>
      <bottom/>
      <diagonal/>
    </border>
    <border>
      <left style="thin">
        <color indexed="64"/>
      </left>
      <right style="medium">
        <color indexed="64"/>
      </right>
      <top style="hair">
        <color indexed="64"/>
      </top>
      <bottom style="hair">
        <color indexed="64"/>
      </bottom>
      <diagonal/>
    </border>
    <border>
      <left style="medium">
        <color indexed="64"/>
      </left>
      <right style="medium">
        <color indexed="64"/>
      </right>
      <top style="hair">
        <color indexed="64"/>
      </top>
      <bottom style="hair">
        <color indexed="64"/>
      </bottom>
      <diagonal/>
    </border>
    <border>
      <left/>
      <right style="double">
        <color indexed="64"/>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medium">
        <color indexed="64"/>
      </left>
      <right style="double">
        <color indexed="64"/>
      </right>
      <top style="hair">
        <color indexed="64"/>
      </top>
      <bottom style="hair">
        <color indexed="64"/>
      </bottom>
      <diagonal/>
    </border>
    <border>
      <left style="medium">
        <color indexed="64"/>
      </left>
      <right style="thin">
        <color indexed="64"/>
      </right>
      <top/>
      <bottom style="double">
        <color indexed="64"/>
      </bottom>
      <diagonal/>
    </border>
    <border>
      <left style="thin">
        <color indexed="64"/>
      </left>
      <right style="medium">
        <color indexed="64"/>
      </right>
      <top style="hair">
        <color indexed="64"/>
      </top>
      <bottom style="double">
        <color indexed="64"/>
      </bottom>
      <diagonal/>
    </border>
    <border>
      <left style="medium">
        <color indexed="64"/>
      </left>
      <right style="medium">
        <color indexed="64"/>
      </right>
      <top style="hair">
        <color indexed="64"/>
      </top>
      <bottom style="double">
        <color indexed="64"/>
      </bottom>
      <diagonal/>
    </border>
    <border>
      <left/>
      <right style="double">
        <color indexed="64"/>
      </right>
      <top style="hair">
        <color indexed="64"/>
      </top>
      <bottom style="double">
        <color indexed="64"/>
      </bottom>
      <diagonal/>
    </border>
    <border>
      <left/>
      <right style="thin">
        <color indexed="64"/>
      </right>
      <top style="hair">
        <color indexed="64"/>
      </top>
      <bottom style="double">
        <color indexed="64"/>
      </bottom>
      <diagonal/>
    </border>
    <border>
      <left style="thin">
        <color indexed="64"/>
      </left>
      <right style="thin">
        <color indexed="64"/>
      </right>
      <top style="hair">
        <color indexed="64"/>
      </top>
      <bottom style="double">
        <color indexed="64"/>
      </bottom>
      <diagonal/>
    </border>
    <border>
      <left style="thin">
        <color indexed="64"/>
      </left>
      <right/>
      <top style="hair">
        <color indexed="64"/>
      </top>
      <bottom style="double">
        <color indexed="64"/>
      </bottom>
      <diagonal/>
    </border>
    <border>
      <left style="medium">
        <color indexed="64"/>
      </left>
      <right style="double">
        <color indexed="64"/>
      </right>
      <top style="hair">
        <color indexed="64"/>
      </top>
      <bottom style="double">
        <color indexed="64"/>
      </bottom>
      <diagonal/>
    </border>
    <border>
      <left style="thin">
        <color indexed="64"/>
      </left>
      <right style="medium">
        <color indexed="64"/>
      </right>
      <top/>
      <bottom style="hair">
        <color indexed="64"/>
      </bottom>
      <diagonal/>
    </border>
    <border>
      <left style="medium">
        <color indexed="64"/>
      </left>
      <right style="medium">
        <color indexed="64"/>
      </right>
      <top/>
      <bottom style="hair">
        <color indexed="64"/>
      </bottom>
      <diagonal/>
    </border>
    <border>
      <left/>
      <right style="double">
        <color indexed="64"/>
      </right>
      <top/>
      <bottom style="hair">
        <color indexed="64"/>
      </bottom>
      <diagonal/>
    </border>
    <border>
      <left/>
      <right style="thin">
        <color indexed="64"/>
      </right>
      <top/>
      <bottom style="hair">
        <color indexed="64"/>
      </bottom>
      <diagonal/>
    </border>
    <border>
      <left style="thin">
        <color indexed="64"/>
      </left>
      <right style="thin">
        <color indexed="64"/>
      </right>
      <top/>
      <bottom style="hair">
        <color indexed="64"/>
      </bottom>
      <diagonal/>
    </border>
    <border>
      <left style="thin">
        <color indexed="64"/>
      </left>
      <right/>
      <top/>
      <bottom style="hair">
        <color indexed="64"/>
      </bottom>
      <diagonal/>
    </border>
    <border>
      <left style="medium">
        <color indexed="64"/>
      </left>
      <right style="double">
        <color indexed="64"/>
      </right>
      <top/>
      <bottom style="hair">
        <color indexed="64"/>
      </bottom>
      <diagonal/>
    </border>
    <border>
      <left style="medium">
        <color indexed="64"/>
      </left>
      <right style="thin">
        <color indexed="64"/>
      </right>
      <top/>
      <bottom style="thin">
        <color indexed="64"/>
      </bottom>
      <diagonal/>
    </border>
    <border>
      <left style="thin">
        <color indexed="64"/>
      </left>
      <right style="medium">
        <color indexed="64"/>
      </right>
      <top style="hair">
        <color indexed="64"/>
      </top>
      <bottom style="thin">
        <color indexed="64"/>
      </bottom>
      <diagonal/>
    </border>
    <border>
      <left style="medium">
        <color indexed="64"/>
      </left>
      <right style="medium">
        <color indexed="64"/>
      </right>
      <top style="hair">
        <color indexed="64"/>
      </top>
      <bottom style="thin">
        <color indexed="64"/>
      </bottom>
      <diagonal/>
    </border>
    <border>
      <left/>
      <right style="double">
        <color indexed="64"/>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style="medium">
        <color indexed="64"/>
      </left>
      <right style="double">
        <color indexed="64"/>
      </right>
      <top style="hair">
        <color indexed="64"/>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style="hair">
        <color indexed="64"/>
      </bottom>
      <diagonal/>
    </border>
    <border>
      <left style="medium">
        <color indexed="64"/>
      </left>
      <right style="medium">
        <color indexed="64"/>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style="medium">
        <color indexed="64"/>
      </left>
      <right style="double">
        <color indexed="64"/>
      </right>
      <top style="thin">
        <color indexed="64"/>
      </top>
      <bottom style="hair">
        <color indexed="64"/>
      </bottom>
      <diagonal/>
    </border>
    <border>
      <left style="medium">
        <color indexed="64"/>
      </left>
      <right style="thin">
        <color indexed="64"/>
      </right>
      <top/>
      <bottom style="medium">
        <color indexed="64"/>
      </bottom>
      <diagonal/>
    </border>
    <border>
      <left style="thin">
        <color indexed="64"/>
      </left>
      <right style="medium">
        <color indexed="64"/>
      </right>
      <top style="hair">
        <color indexed="64"/>
      </top>
      <bottom style="medium">
        <color indexed="64"/>
      </bottom>
      <diagonal/>
    </border>
    <border>
      <left style="medium">
        <color indexed="64"/>
      </left>
      <right style="medium">
        <color indexed="64"/>
      </right>
      <top style="hair">
        <color indexed="64"/>
      </top>
      <bottom style="medium">
        <color indexed="64"/>
      </bottom>
      <diagonal/>
    </border>
    <border>
      <left/>
      <right style="double">
        <color indexed="64"/>
      </right>
      <top style="hair">
        <color indexed="64"/>
      </top>
      <bottom style="medium">
        <color indexed="64"/>
      </bottom>
      <diagonal/>
    </border>
    <border>
      <left/>
      <right style="thin">
        <color indexed="64"/>
      </right>
      <top style="hair">
        <color indexed="64"/>
      </top>
      <bottom style="medium">
        <color indexed="64"/>
      </bottom>
      <diagonal/>
    </border>
    <border>
      <left style="thin">
        <color indexed="64"/>
      </left>
      <right style="thin">
        <color indexed="64"/>
      </right>
      <top style="hair">
        <color indexed="64"/>
      </top>
      <bottom style="medium">
        <color indexed="64"/>
      </bottom>
      <diagonal/>
    </border>
    <border>
      <left style="thin">
        <color indexed="64"/>
      </left>
      <right/>
      <top style="hair">
        <color indexed="64"/>
      </top>
      <bottom style="medium">
        <color indexed="64"/>
      </bottom>
      <diagonal/>
    </border>
    <border>
      <left style="medium">
        <color indexed="64"/>
      </left>
      <right style="double">
        <color indexed="64"/>
      </right>
      <top style="hair">
        <color indexed="64"/>
      </top>
      <bottom style="medium">
        <color indexed="64"/>
      </bottom>
      <diagonal/>
    </border>
  </borders>
  <cellStyleXfs count="1">
    <xf numFmtId="0" fontId="0" fillId="0" borderId="0"/>
  </cellStyleXfs>
  <cellXfs count="134">
    <xf numFmtId="0" fontId="0" fillId="0" borderId="0" xfId="0"/>
    <xf numFmtId="0" fontId="1" fillId="2" borderId="1" xfId="0" quotePrefix="1" applyNumberFormat="1" applyFont="1" applyFill="1" applyBorder="1" applyAlignment="1">
      <alignment vertical="center"/>
    </xf>
    <xf numFmtId="176" fontId="1" fillId="2" borderId="1" xfId="0" applyNumberFormat="1" applyFont="1" applyFill="1" applyBorder="1" applyAlignment="1">
      <alignment vertical="center"/>
    </xf>
    <xf numFmtId="176" fontId="1" fillId="2" borderId="1" xfId="0" quotePrefix="1" applyNumberFormat="1" applyFont="1" applyFill="1" applyBorder="1" applyAlignment="1">
      <alignment vertical="center"/>
    </xf>
    <xf numFmtId="176" fontId="1" fillId="2" borderId="1" xfId="0" quotePrefix="1" applyNumberFormat="1" applyFont="1" applyFill="1" applyBorder="1" applyAlignment="1">
      <alignment horizontal="right" vertical="center"/>
    </xf>
    <xf numFmtId="0" fontId="1" fillId="2" borderId="0" xfId="0" applyFont="1" applyFill="1" applyAlignment="1">
      <alignment vertical="center"/>
    </xf>
    <xf numFmtId="0" fontId="1" fillId="3" borderId="2" xfId="0" applyNumberFormat="1" applyFont="1" applyFill="1" applyBorder="1" applyAlignment="1">
      <alignment horizontal="distributed" vertical="center" wrapText="1" justifyLastLine="1"/>
    </xf>
    <xf numFmtId="0" fontId="1" fillId="3" borderId="3" xfId="0" applyNumberFormat="1" applyFont="1" applyFill="1" applyBorder="1" applyAlignment="1">
      <alignment horizontal="distributed" vertical="center" wrapText="1" justifyLastLine="1"/>
    </xf>
    <xf numFmtId="0" fontId="1" fillId="3" borderId="4" xfId="0" applyNumberFormat="1" applyFont="1" applyFill="1" applyBorder="1" applyAlignment="1">
      <alignment horizontal="distributed" vertical="center" wrapText="1" justifyLastLine="1"/>
    </xf>
    <xf numFmtId="0" fontId="1" fillId="3" borderId="5" xfId="0" applyNumberFormat="1" applyFont="1" applyFill="1" applyBorder="1" applyAlignment="1">
      <alignment horizontal="distributed" vertical="center" wrapText="1" justifyLastLine="1"/>
    </xf>
    <xf numFmtId="0" fontId="1" fillId="3" borderId="6" xfId="0" applyNumberFormat="1" applyFont="1" applyFill="1" applyBorder="1" applyAlignment="1">
      <alignment horizontal="distributed" vertical="center" wrapText="1" justifyLastLine="1"/>
    </xf>
    <xf numFmtId="0" fontId="1" fillId="3" borderId="7" xfId="0" applyNumberFormat="1" applyFont="1" applyFill="1" applyBorder="1" applyAlignment="1">
      <alignment horizontal="distributed" vertical="center" wrapText="1" justifyLastLine="1"/>
    </xf>
    <xf numFmtId="0" fontId="1" fillId="3" borderId="8" xfId="0" applyNumberFormat="1" applyFont="1" applyFill="1" applyBorder="1" applyAlignment="1">
      <alignment horizontal="distributed" vertical="center" wrapText="1" justifyLastLine="1"/>
    </xf>
    <xf numFmtId="0" fontId="1" fillId="2" borderId="0" xfId="0" applyFont="1" applyFill="1" applyAlignment="1">
      <alignment horizontal="distributed" vertical="center" wrapText="1" justifyLastLine="1"/>
    </xf>
    <xf numFmtId="0" fontId="1" fillId="3" borderId="9" xfId="0" applyNumberFormat="1" applyFont="1" applyFill="1" applyBorder="1" applyAlignment="1">
      <alignment horizontal="distributed" vertical="center" wrapText="1" justifyLastLine="1"/>
    </xf>
    <xf numFmtId="0" fontId="1" fillId="3" borderId="10" xfId="0" applyNumberFormat="1" applyFont="1" applyFill="1" applyBorder="1" applyAlignment="1">
      <alignment horizontal="distributed" vertical="center" wrapText="1" justifyLastLine="1"/>
    </xf>
    <xf numFmtId="0" fontId="1" fillId="3" borderId="11" xfId="0" applyNumberFormat="1" applyFont="1" applyFill="1" applyBorder="1" applyAlignment="1">
      <alignment horizontal="distributed" vertical="center" wrapText="1" justifyLastLine="1"/>
    </xf>
    <xf numFmtId="0" fontId="1" fillId="3" borderId="12" xfId="0" applyNumberFormat="1" applyFont="1" applyFill="1" applyBorder="1" applyAlignment="1">
      <alignment horizontal="distributed" vertical="center" wrapText="1" justifyLastLine="1"/>
    </xf>
    <xf numFmtId="0" fontId="1" fillId="3" borderId="13" xfId="0" applyNumberFormat="1" applyFont="1" applyFill="1" applyBorder="1" applyAlignment="1">
      <alignment horizontal="center" vertical="center" wrapText="1" justifyLastLine="1"/>
    </xf>
    <xf numFmtId="0" fontId="1" fillId="3" borderId="14" xfId="0" applyNumberFormat="1" applyFont="1" applyFill="1" applyBorder="1" applyAlignment="1">
      <alignment horizontal="distributed" vertical="center" wrapText="1" justifyLastLine="1"/>
    </xf>
    <xf numFmtId="0" fontId="1" fillId="3" borderId="14" xfId="0" applyNumberFormat="1" applyFont="1" applyFill="1" applyBorder="1" applyAlignment="1">
      <alignment horizontal="left" vertical="center" wrapText="1" justifyLastLine="1"/>
    </xf>
    <xf numFmtId="0" fontId="1" fillId="3" borderId="15" xfId="0" applyNumberFormat="1" applyFont="1" applyFill="1" applyBorder="1" applyAlignment="1">
      <alignment horizontal="distributed" vertical="center" wrapText="1" justifyLastLine="1"/>
    </xf>
    <xf numFmtId="0" fontId="1" fillId="3" borderId="16" xfId="0" applyNumberFormat="1" applyFont="1" applyFill="1" applyBorder="1" applyAlignment="1">
      <alignment horizontal="distributed" vertical="center" wrapText="1" justifyLastLine="1"/>
    </xf>
    <xf numFmtId="0" fontId="1" fillId="3" borderId="13" xfId="0" applyNumberFormat="1" applyFont="1" applyFill="1" applyBorder="1" applyAlignment="1">
      <alignment horizontal="distributed" vertical="center" wrapText="1" justifyLastLine="1"/>
    </xf>
    <xf numFmtId="0" fontId="1" fillId="3" borderId="17" xfId="0" applyNumberFormat="1" applyFont="1" applyFill="1" applyBorder="1" applyAlignment="1">
      <alignment horizontal="distributed" vertical="center" wrapText="1" justifyLastLine="1"/>
    </xf>
    <xf numFmtId="0" fontId="1" fillId="3" borderId="16" xfId="0" applyNumberFormat="1" applyFont="1" applyFill="1" applyBorder="1" applyAlignment="1">
      <alignment horizontal="center" vertical="center" wrapText="1" justifyLastLine="1"/>
    </xf>
    <xf numFmtId="0" fontId="1" fillId="3" borderId="13" xfId="0" applyNumberFormat="1" applyFont="1" applyFill="1" applyBorder="1" applyAlignment="1">
      <alignment horizontal="left" vertical="center" wrapText="1" justifyLastLine="1"/>
    </xf>
    <xf numFmtId="0" fontId="1" fillId="3" borderId="18" xfId="0" applyNumberFormat="1" applyFont="1" applyFill="1" applyBorder="1" applyAlignment="1">
      <alignment horizontal="distributed" vertical="center" wrapText="1" justifyLastLine="1"/>
    </xf>
    <xf numFmtId="0" fontId="1" fillId="3" borderId="19" xfId="0" applyNumberFormat="1" applyFont="1" applyFill="1" applyBorder="1" applyAlignment="1">
      <alignment horizontal="distributed" vertical="center" wrapText="1" justifyLastLine="1"/>
    </xf>
    <xf numFmtId="177" fontId="1" fillId="3" borderId="11" xfId="0" applyNumberFormat="1" applyFont="1" applyFill="1" applyBorder="1" applyAlignment="1">
      <alignment horizontal="center" vertical="center" wrapText="1" justifyLastLine="1"/>
    </xf>
    <xf numFmtId="177" fontId="1" fillId="3" borderId="20" xfId="0" applyNumberFormat="1" applyFont="1" applyFill="1" applyBorder="1" applyAlignment="1">
      <alignment horizontal="center" vertical="center" wrapText="1"/>
    </xf>
    <xf numFmtId="177" fontId="1" fillId="3" borderId="21" xfId="0" applyNumberFormat="1" applyFont="1" applyFill="1" applyBorder="1" applyAlignment="1">
      <alignment horizontal="center" vertical="center" wrapText="1"/>
    </xf>
    <xf numFmtId="177" fontId="1" fillId="3" borderId="22" xfId="0" applyNumberFormat="1" applyFont="1" applyFill="1" applyBorder="1" applyAlignment="1">
      <alignment horizontal="center" vertical="center" wrapText="1"/>
    </xf>
    <xf numFmtId="177" fontId="1" fillId="3" borderId="23" xfId="0" applyNumberFormat="1" applyFont="1" applyFill="1" applyBorder="1" applyAlignment="1">
      <alignment horizontal="center" vertical="center" wrapText="1"/>
    </xf>
    <xf numFmtId="177" fontId="1" fillId="3" borderId="24" xfId="0" applyNumberFormat="1" applyFont="1" applyFill="1" applyBorder="1" applyAlignment="1">
      <alignment horizontal="center" vertical="center" wrapText="1"/>
    </xf>
    <xf numFmtId="177" fontId="1" fillId="3" borderId="25" xfId="0" applyNumberFormat="1" applyFont="1" applyFill="1" applyBorder="1" applyAlignment="1">
      <alignment horizontal="center" vertical="center" wrapText="1"/>
    </xf>
    <xf numFmtId="0" fontId="1" fillId="4" borderId="26" xfId="0" applyNumberFormat="1" applyFont="1" applyFill="1" applyBorder="1" applyAlignment="1">
      <alignment horizontal="distributed" vertical="center" justifyLastLine="1"/>
    </xf>
    <xf numFmtId="0" fontId="1" fillId="4" borderId="27" xfId="0" applyNumberFormat="1" applyFont="1" applyFill="1" applyBorder="1" applyAlignment="1">
      <alignment horizontal="distributed" vertical="center" justifyLastLine="1"/>
    </xf>
    <xf numFmtId="176" fontId="3" fillId="4" borderId="28" xfId="0" applyNumberFormat="1" applyFont="1" applyFill="1" applyBorder="1" applyAlignment="1" applyProtection="1">
      <alignment vertical="center"/>
      <protection hidden="1"/>
    </xf>
    <xf numFmtId="176" fontId="3" fillId="4" borderId="29" xfId="0" applyNumberFormat="1" applyFont="1" applyFill="1" applyBorder="1" applyAlignment="1" applyProtection="1">
      <alignment vertical="center"/>
      <protection hidden="1"/>
    </xf>
    <xf numFmtId="176" fontId="3" fillId="4" borderId="30" xfId="0" applyNumberFormat="1" applyFont="1" applyFill="1" applyBorder="1" applyAlignment="1" applyProtection="1">
      <alignment vertical="center"/>
      <protection hidden="1"/>
    </xf>
    <xf numFmtId="176" fontId="3" fillId="4" borderId="31" xfId="0" applyNumberFormat="1" applyFont="1" applyFill="1" applyBorder="1" applyAlignment="1" applyProtection="1">
      <alignment vertical="center"/>
      <protection hidden="1"/>
    </xf>
    <xf numFmtId="176" fontId="3" fillId="4" borderId="32" xfId="0" applyNumberFormat="1" applyFont="1" applyFill="1" applyBorder="1" applyAlignment="1" applyProtection="1">
      <alignment vertical="center"/>
      <protection hidden="1"/>
    </xf>
    <xf numFmtId="176" fontId="3" fillId="4" borderId="33" xfId="0" applyNumberFormat="1" applyFont="1" applyFill="1" applyBorder="1" applyAlignment="1" applyProtection="1">
      <alignment vertical="center"/>
      <protection hidden="1"/>
    </xf>
    <xf numFmtId="176" fontId="3" fillId="4" borderId="27" xfId="0" applyNumberFormat="1" applyFont="1" applyFill="1" applyBorder="1" applyAlignment="1" applyProtection="1">
      <alignment vertical="center"/>
      <protection hidden="1"/>
    </xf>
    <xf numFmtId="0" fontId="1" fillId="4" borderId="34" xfId="0" applyNumberFormat="1" applyFont="1" applyFill="1" applyBorder="1" applyAlignment="1">
      <alignment horizontal="distributed" vertical="center" justifyLastLine="1"/>
    </xf>
    <xf numFmtId="0" fontId="1" fillId="4" borderId="35" xfId="0" applyNumberFormat="1" applyFont="1" applyFill="1" applyBorder="1" applyAlignment="1">
      <alignment horizontal="distributed" vertical="center" justifyLastLine="1"/>
    </xf>
    <xf numFmtId="176" fontId="3" fillId="4" borderId="36" xfId="0" applyNumberFormat="1" applyFont="1" applyFill="1" applyBorder="1" applyAlignment="1" applyProtection="1">
      <alignment vertical="center"/>
      <protection hidden="1"/>
    </xf>
    <xf numFmtId="176" fontId="3" fillId="4" borderId="37" xfId="0" applyNumberFormat="1" applyFont="1" applyFill="1" applyBorder="1" applyAlignment="1" applyProtection="1">
      <alignment vertical="center"/>
      <protection hidden="1"/>
    </xf>
    <xf numFmtId="176" fontId="3" fillId="4" borderId="38" xfId="0" applyNumberFormat="1" applyFont="1" applyFill="1" applyBorder="1" applyAlignment="1" applyProtection="1">
      <alignment vertical="center"/>
      <protection hidden="1"/>
    </xf>
    <xf numFmtId="176" fontId="3" fillId="4" borderId="39" xfId="0" applyNumberFormat="1" applyFont="1" applyFill="1" applyBorder="1" applyAlignment="1" applyProtection="1">
      <alignment vertical="center"/>
      <protection hidden="1"/>
    </xf>
    <xf numFmtId="176" fontId="3" fillId="4" borderId="40" xfId="0" applyNumberFormat="1" applyFont="1" applyFill="1" applyBorder="1" applyAlignment="1" applyProtection="1">
      <alignment vertical="center"/>
      <protection hidden="1"/>
    </xf>
    <xf numFmtId="176" fontId="3" fillId="4" borderId="41" xfId="0" applyNumberFormat="1" applyFont="1" applyFill="1" applyBorder="1" applyAlignment="1" applyProtection="1">
      <alignment vertical="center"/>
      <protection hidden="1"/>
    </xf>
    <xf numFmtId="176" fontId="3" fillId="4" borderId="35" xfId="0" applyNumberFormat="1" applyFont="1" applyFill="1" applyBorder="1" applyAlignment="1" applyProtection="1">
      <alignment vertical="center"/>
      <protection hidden="1"/>
    </xf>
    <xf numFmtId="0" fontId="1" fillId="4" borderId="42" xfId="0" applyNumberFormat="1" applyFont="1" applyFill="1" applyBorder="1" applyAlignment="1">
      <alignment horizontal="distributed" vertical="center" justifyLastLine="1"/>
    </xf>
    <xf numFmtId="0" fontId="1" fillId="4" borderId="43" xfId="0" applyNumberFormat="1" applyFont="1" applyFill="1" applyBorder="1" applyAlignment="1">
      <alignment horizontal="distributed" vertical="center" justifyLastLine="1"/>
    </xf>
    <xf numFmtId="176" fontId="3" fillId="4" borderId="44" xfId="0" applyNumberFormat="1" applyFont="1" applyFill="1" applyBorder="1" applyAlignment="1" applyProtection="1">
      <alignment vertical="center"/>
      <protection hidden="1"/>
    </xf>
    <xf numFmtId="176" fontId="3" fillId="4" borderId="45" xfId="0" applyNumberFormat="1" applyFont="1" applyFill="1" applyBorder="1" applyAlignment="1" applyProtection="1">
      <alignment vertical="center"/>
      <protection hidden="1"/>
    </xf>
    <xf numFmtId="176" fontId="3" fillId="4" borderId="46" xfId="0" applyNumberFormat="1" applyFont="1" applyFill="1" applyBorder="1" applyAlignment="1" applyProtection="1">
      <alignment vertical="center"/>
      <protection hidden="1"/>
    </xf>
    <xf numFmtId="176" fontId="3" fillId="4" borderId="47" xfId="0" applyNumberFormat="1" applyFont="1" applyFill="1" applyBorder="1" applyAlignment="1" applyProtection="1">
      <alignment vertical="center"/>
      <protection hidden="1"/>
    </xf>
    <xf numFmtId="176" fontId="3" fillId="4" borderId="48" xfId="0" applyNumberFormat="1" applyFont="1" applyFill="1" applyBorder="1" applyAlignment="1" applyProtection="1">
      <alignment vertical="center"/>
      <protection hidden="1"/>
    </xf>
    <xf numFmtId="176" fontId="3" fillId="4" borderId="49" xfId="0" applyNumberFormat="1" applyFont="1" applyFill="1" applyBorder="1" applyAlignment="1" applyProtection="1">
      <alignment vertical="center"/>
      <protection hidden="1"/>
    </xf>
    <xf numFmtId="176" fontId="3" fillId="4" borderId="43" xfId="0" applyNumberFormat="1" applyFont="1" applyFill="1" applyBorder="1" applyAlignment="1" applyProtection="1">
      <alignment vertical="center"/>
      <protection hidden="1"/>
    </xf>
    <xf numFmtId="0" fontId="1" fillId="0" borderId="34" xfId="0" applyNumberFormat="1" applyFont="1" applyFill="1" applyBorder="1" applyAlignment="1">
      <alignment vertical="center" wrapText="1"/>
    </xf>
    <xf numFmtId="0" fontId="1" fillId="0" borderId="50" xfId="0" applyNumberFormat="1" applyFont="1" applyFill="1" applyBorder="1" applyAlignment="1">
      <alignment horizontal="distributed" vertical="center" justifyLastLine="1"/>
    </xf>
    <xf numFmtId="176" fontId="1" fillId="0" borderId="51" xfId="0" applyNumberFormat="1" applyFont="1" applyFill="1" applyBorder="1" applyAlignment="1" applyProtection="1">
      <alignment vertical="center"/>
      <protection locked="0" hidden="1"/>
    </xf>
    <xf numFmtId="176" fontId="3" fillId="4" borderId="52" xfId="0" applyNumberFormat="1" applyFont="1" applyFill="1" applyBorder="1" applyAlignment="1" applyProtection="1">
      <alignment vertical="center"/>
      <protection hidden="1"/>
    </xf>
    <xf numFmtId="176" fontId="1" fillId="0" borderId="53" xfId="0" applyNumberFormat="1" applyFont="1" applyFill="1" applyBorder="1" applyAlignment="1" applyProtection="1">
      <alignment vertical="center"/>
      <protection locked="0" hidden="1"/>
    </xf>
    <xf numFmtId="176" fontId="1" fillId="0" borderId="54" xfId="0" applyNumberFormat="1" applyFont="1" applyFill="1" applyBorder="1" applyAlignment="1" applyProtection="1">
      <alignment vertical="center"/>
      <protection locked="0" hidden="1"/>
    </xf>
    <xf numFmtId="176" fontId="1" fillId="0" borderId="55" xfId="0" applyNumberFormat="1" applyFont="1" applyFill="1" applyBorder="1" applyAlignment="1" applyProtection="1">
      <alignment vertical="center"/>
      <protection locked="0" hidden="1"/>
    </xf>
    <xf numFmtId="176" fontId="3" fillId="4" borderId="56" xfId="0" applyNumberFormat="1" applyFont="1" applyFill="1" applyBorder="1" applyAlignment="1" applyProtection="1">
      <alignment vertical="center"/>
      <protection hidden="1"/>
    </xf>
    <xf numFmtId="176" fontId="1" fillId="0" borderId="50" xfId="0" applyNumberFormat="1" applyFont="1" applyFill="1" applyBorder="1" applyAlignment="1" applyProtection="1">
      <alignment vertical="center"/>
      <protection locked="0" hidden="1"/>
    </xf>
    <xf numFmtId="0" fontId="1" fillId="0" borderId="35" xfId="0" applyNumberFormat="1" applyFont="1" applyFill="1" applyBorder="1" applyAlignment="1">
      <alignment horizontal="distributed" vertical="center" justifyLastLine="1"/>
    </xf>
    <xf numFmtId="176" fontId="1" fillId="0" borderId="36" xfId="0" applyNumberFormat="1" applyFont="1" applyFill="1" applyBorder="1" applyAlignment="1" applyProtection="1">
      <alignment vertical="center"/>
      <protection locked="0" hidden="1"/>
    </xf>
    <xf numFmtId="176" fontId="1" fillId="0" borderId="38" xfId="0" applyNumberFormat="1" applyFont="1" applyFill="1" applyBorder="1" applyAlignment="1" applyProtection="1">
      <alignment vertical="center"/>
      <protection locked="0" hidden="1"/>
    </xf>
    <xf numFmtId="176" fontId="1" fillId="0" borderId="39" xfId="0" applyNumberFormat="1" applyFont="1" applyFill="1" applyBorder="1" applyAlignment="1" applyProtection="1">
      <alignment vertical="center"/>
      <protection locked="0" hidden="1"/>
    </xf>
    <xf numFmtId="176" fontId="1" fillId="0" borderId="40" xfId="0" applyNumberFormat="1" applyFont="1" applyFill="1" applyBorder="1" applyAlignment="1" applyProtection="1">
      <alignment vertical="center"/>
      <protection locked="0" hidden="1"/>
    </xf>
    <xf numFmtId="176" fontId="3" fillId="4" borderId="41" xfId="0" applyNumberFormat="1" applyFont="1" applyFill="1" applyBorder="1" applyAlignment="1" applyProtection="1">
      <alignment vertical="center"/>
      <protection locked="0" hidden="1"/>
    </xf>
    <xf numFmtId="176" fontId="1" fillId="0" borderId="35" xfId="0" applyNumberFormat="1" applyFont="1" applyFill="1" applyBorder="1" applyAlignment="1" applyProtection="1">
      <alignment vertical="center"/>
      <protection locked="0" hidden="1"/>
    </xf>
    <xf numFmtId="0" fontId="1" fillId="0" borderId="57" xfId="0" applyNumberFormat="1" applyFont="1" applyFill="1" applyBorder="1" applyAlignment="1">
      <alignment vertical="center" wrapText="1"/>
    </xf>
    <xf numFmtId="0" fontId="1" fillId="0" borderId="58" xfId="0" applyNumberFormat="1" applyFont="1" applyFill="1" applyBorder="1" applyAlignment="1">
      <alignment horizontal="distributed" vertical="center" justifyLastLine="1"/>
    </xf>
    <xf numFmtId="176" fontId="1" fillId="4" borderId="59" xfId="0" applyNumberFormat="1" applyFont="1" applyFill="1" applyBorder="1" applyAlignment="1">
      <alignment vertical="center"/>
    </xf>
    <xf numFmtId="176" fontId="3" fillId="4" borderId="60" xfId="0" applyNumberFormat="1" applyFont="1" applyFill="1" applyBorder="1" applyAlignment="1">
      <alignment vertical="center"/>
    </xf>
    <xf numFmtId="176" fontId="3" fillId="4" borderId="61" xfId="0" applyNumberFormat="1" applyFont="1" applyFill="1" applyBorder="1" applyAlignment="1">
      <alignment vertical="center"/>
    </xf>
    <xf numFmtId="176" fontId="3" fillId="4" borderId="62" xfId="0" applyNumberFormat="1" applyFont="1" applyFill="1" applyBorder="1" applyAlignment="1">
      <alignment vertical="center"/>
    </xf>
    <xf numFmtId="176" fontId="3" fillId="4" borderId="63" xfId="0" applyNumberFormat="1" applyFont="1" applyFill="1" applyBorder="1" applyAlignment="1">
      <alignment vertical="center"/>
    </xf>
    <xf numFmtId="176" fontId="3" fillId="4" borderId="64" xfId="0" applyNumberFormat="1" applyFont="1" applyFill="1" applyBorder="1" applyAlignment="1">
      <alignment vertical="center"/>
    </xf>
    <xf numFmtId="176" fontId="3" fillId="4" borderId="58" xfId="0" applyNumberFormat="1" applyFont="1" applyFill="1" applyBorder="1" applyAlignment="1">
      <alignment vertical="center"/>
    </xf>
    <xf numFmtId="0" fontId="1" fillId="0" borderId="65" xfId="0" applyNumberFormat="1" applyFont="1" applyFill="1" applyBorder="1" applyAlignment="1">
      <alignment vertical="center" wrapText="1"/>
    </xf>
    <xf numFmtId="0" fontId="1" fillId="2" borderId="66" xfId="0" applyNumberFormat="1" applyFont="1" applyFill="1" applyBorder="1" applyAlignment="1">
      <alignment horizontal="distributed" vertical="center" justifyLastLine="1"/>
    </xf>
    <xf numFmtId="176" fontId="1" fillId="0" borderId="67" xfId="0" applyNumberFormat="1" applyFont="1" applyFill="1" applyBorder="1" applyAlignment="1" applyProtection="1">
      <alignment vertical="center"/>
      <protection locked="0" hidden="1"/>
    </xf>
    <xf numFmtId="176" fontId="1" fillId="0" borderId="68" xfId="0" applyNumberFormat="1" applyFont="1" applyFill="1" applyBorder="1" applyAlignment="1" applyProtection="1">
      <alignment vertical="center"/>
      <protection locked="0" hidden="1"/>
    </xf>
    <xf numFmtId="176" fontId="1" fillId="0" borderId="69" xfId="0" applyNumberFormat="1" applyFont="1" applyFill="1" applyBorder="1" applyAlignment="1" applyProtection="1">
      <alignment vertical="center"/>
      <protection locked="0" hidden="1"/>
    </xf>
    <xf numFmtId="176" fontId="1" fillId="0" borderId="70" xfId="0" applyNumberFormat="1" applyFont="1" applyFill="1" applyBorder="1" applyAlignment="1" applyProtection="1">
      <alignment vertical="center"/>
      <protection locked="0" hidden="1"/>
    </xf>
    <xf numFmtId="176" fontId="3" fillId="4" borderId="71" xfId="0" applyNumberFormat="1" applyFont="1" applyFill="1" applyBorder="1" applyAlignment="1" applyProtection="1">
      <alignment vertical="center"/>
      <protection hidden="1"/>
    </xf>
    <xf numFmtId="176" fontId="1" fillId="0" borderId="66" xfId="0" applyNumberFormat="1" applyFont="1" applyFill="1" applyBorder="1" applyAlignment="1" applyProtection="1">
      <alignment vertical="center"/>
      <protection locked="0" hidden="1"/>
    </xf>
    <xf numFmtId="0" fontId="1" fillId="0" borderId="0" xfId="0" applyFont="1" applyFill="1" applyAlignment="1">
      <alignment vertical="center"/>
    </xf>
    <xf numFmtId="0" fontId="1" fillId="2" borderId="35" xfId="0" applyNumberFormat="1" applyFont="1" applyFill="1" applyBorder="1" applyAlignment="1">
      <alignment horizontal="distributed" vertical="center" justifyLastLine="1"/>
    </xf>
    <xf numFmtId="0" fontId="1" fillId="2" borderId="58" xfId="0" applyNumberFormat="1" applyFont="1" applyFill="1" applyBorder="1" applyAlignment="1">
      <alignment horizontal="distributed" vertical="center" justifyLastLine="1"/>
    </xf>
    <xf numFmtId="176" fontId="3" fillId="4" borderId="59" xfId="0" applyNumberFormat="1" applyFont="1" applyFill="1" applyBorder="1" applyAlignment="1">
      <alignment vertical="center"/>
    </xf>
    <xf numFmtId="0" fontId="1" fillId="0" borderId="66" xfId="0" applyNumberFormat="1" applyFont="1" applyFill="1" applyBorder="1" applyAlignment="1">
      <alignment horizontal="distributed" vertical="center" justifyLastLine="1"/>
    </xf>
    <xf numFmtId="0" fontId="1" fillId="0" borderId="0" xfId="0" applyFont="1" applyFill="1" applyBorder="1" applyAlignment="1">
      <alignment vertical="center"/>
    </xf>
    <xf numFmtId="0" fontId="1" fillId="2" borderId="65" xfId="0" applyNumberFormat="1" applyFont="1" applyFill="1" applyBorder="1" applyAlignment="1">
      <alignment vertical="center" wrapText="1"/>
    </xf>
    <xf numFmtId="176" fontId="1" fillId="2" borderId="67" xfId="0" applyNumberFormat="1" applyFont="1" applyFill="1" applyBorder="1" applyAlignment="1" applyProtection="1">
      <alignment vertical="center"/>
      <protection locked="0" hidden="1"/>
    </xf>
    <xf numFmtId="176" fontId="1" fillId="2" borderId="68" xfId="0" applyNumberFormat="1" applyFont="1" applyFill="1" applyBorder="1" applyAlignment="1" applyProtection="1">
      <alignment vertical="center"/>
      <protection locked="0" hidden="1"/>
    </xf>
    <xf numFmtId="176" fontId="1" fillId="2" borderId="69" xfId="0" applyNumberFormat="1" applyFont="1" applyFill="1" applyBorder="1" applyAlignment="1" applyProtection="1">
      <alignment vertical="center"/>
      <protection locked="0" hidden="1"/>
    </xf>
    <xf numFmtId="1" fontId="1" fillId="2" borderId="69" xfId="0" applyNumberFormat="1" applyFont="1" applyFill="1" applyBorder="1" applyAlignment="1" applyProtection="1">
      <alignment vertical="center"/>
      <protection locked="0" hidden="1"/>
    </xf>
    <xf numFmtId="1" fontId="1" fillId="2" borderId="70" xfId="0" applyNumberFormat="1" applyFont="1" applyFill="1" applyBorder="1" applyAlignment="1" applyProtection="1">
      <alignment vertical="center"/>
      <protection locked="0" hidden="1"/>
    </xf>
    <xf numFmtId="176" fontId="1" fillId="2" borderId="38" xfId="0" applyNumberFormat="1" applyFont="1" applyFill="1" applyBorder="1" applyAlignment="1" applyProtection="1">
      <alignment vertical="center"/>
      <protection locked="0" hidden="1"/>
    </xf>
    <xf numFmtId="176" fontId="1" fillId="2" borderId="66" xfId="0" applyNumberFormat="1" applyFont="1" applyFill="1" applyBorder="1" applyAlignment="1" applyProtection="1">
      <alignment vertical="center"/>
      <protection locked="0" hidden="1"/>
    </xf>
    <xf numFmtId="1" fontId="1" fillId="2" borderId="66" xfId="0" applyNumberFormat="1" applyFont="1" applyFill="1" applyBorder="1" applyAlignment="1" applyProtection="1">
      <alignment vertical="center"/>
      <protection locked="0" hidden="1"/>
    </xf>
    <xf numFmtId="0" fontId="1" fillId="2" borderId="34" xfId="0" applyNumberFormat="1" applyFont="1" applyFill="1" applyBorder="1" applyAlignment="1">
      <alignment vertical="center" wrapText="1"/>
    </xf>
    <xf numFmtId="176" fontId="1" fillId="2" borderId="36" xfId="0" applyNumberFormat="1" applyFont="1" applyFill="1" applyBorder="1" applyAlignment="1" applyProtection="1">
      <alignment vertical="center"/>
      <protection locked="0" hidden="1"/>
    </xf>
    <xf numFmtId="1" fontId="1" fillId="2" borderId="38" xfId="0" applyNumberFormat="1" applyFont="1" applyFill="1" applyBorder="1" applyAlignment="1" applyProtection="1">
      <alignment vertical="center"/>
      <protection locked="0" hidden="1"/>
    </xf>
    <xf numFmtId="176" fontId="1" fillId="2" borderId="39" xfId="0" applyNumberFormat="1" applyFont="1" applyFill="1" applyBorder="1" applyAlignment="1" applyProtection="1">
      <alignment vertical="center"/>
      <protection locked="0" hidden="1"/>
    </xf>
    <xf numFmtId="1" fontId="1" fillId="2" borderId="39" xfId="0" applyNumberFormat="1" applyFont="1" applyFill="1" applyBorder="1" applyAlignment="1" applyProtection="1">
      <alignment vertical="center"/>
      <protection locked="0" hidden="1"/>
    </xf>
    <xf numFmtId="1" fontId="1" fillId="2" borderId="40" xfId="0" applyNumberFormat="1" applyFont="1" applyFill="1" applyBorder="1" applyAlignment="1" applyProtection="1">
      <alignment vertical="center"/>
      <protection locked="0" hidden="1"/>
    </xf>
    <xf numFmtId="176" fontId="1" fillId="2" borderId="0" xfId="0" applyNumberFormat="1" applyFont="1" applyFill="1" applyAlignment="1">
      <alignment vertical="center"/>
    </xf>
    <xf numFmtId="176" fontId="1" fillId="2" borderId="35" xfId="0" applyNumberFormat="1" applyFont="1" applyFill="1" applyBorder="1" applyAlignment="1" applyProtection="1">
      <alignment vertical="center"/>
      <protection locked="0" hidden="1"/>
    </xf>
    <xf numFmtId="1" fontId="1" fillId="2" borderId="35" xfId="0" applyNumberFormat="1" applyFont="1" applyFill="1" applyBorder="1" applyAlignment="1" applyProtection="1">
      <alignment vertical="center"/>
      <protection locked="0" hidden="1"/>
    </xf>
    <xf numFmtId="0" fontId="1" fillId="2" borderId="72" xfId="0" applyNumberFormat="1" applyFont="1" applyFill="1" applyBorder="1" applyAlignment="1">
      <alignment vertical="center" wrapText="1"/>
    </xf>
    <xf numFmtId="0" fontId="1" fillId="2" borderId="73" xfId="0" applyNumberFormat="1" applyFont="1" applyFill="1" applyBorder="1" applyAlignment="1">
      <alignment horizontal="distributed" vertical="center" justifyLastLine="1"/>
    </xf>
    <xf numFmtId="176" fontId="3" fillId="4" borderId="74" xfId="0" applyNumberFormat="1" applyFont="1" applyFill="1" applyBorder="1" applyAlignment="1">
      <alignment vertical="center"/>
    </xf>
    <xf numFmtId="176" fontId="3" fillId="4" borderId="75" xfId="0" applyNumberFormat="1" applyFont="1" applyFill="1" applyBorder="1" applyAlignment="1">
      <alignment vertical="center"/>
    </xf>
    <xf numFmtId="176" fontId="3" fillId="4" borderId="76" xfId="0" applyNumberFormat="1" applyFont="1" applyFill="1" applyBorder="1" applyAlignment="1">
      <alignment vertical="center"/>
    </xf>
    <xf numFmtId="176" fontId="3" fillId="4" borderId="77" xfId="0" applyNumberFormat="1" applyFont="1" applyFill="1" applyBorder="1" applyAlignment="1">
      <alignment vertical="center"/>
    </xf>
    <xf numFmtId="1" fontId="3" fillId="4" borderId="77" xfId="0" applyNumberFormat="1" applyFont="1" applyFill="1" applyBorder="1" applyAlignment="1">
      <alignment vertical="center"/>
    </xf>
    <xf numFmtId="1" fontId="3" fillId="4" borderId="78" xfId="0" applyNumberFormat="1" applyFont="1" applyFill="1" applyBorder="1" applyAlignment="1">
      <alignment vertical="center"/>
    </xf>
    <xf numFmtId="176" fontId="3" fillId="4" borderId="79" xfId="0" applyNumberFormat="1" applyFont="1" applyFill="1" applyBorder="1" applyAlignment="1">
      <alignment vertical="center"/>
    </xf>
    <xf numFmtId="176" fontId="3" fillId="4" borderId="73" xfId="0" applyNumberFormat="1" applyFont="1" applyFill="1" applyBorder="1" applyAlignment="1">
      <alignment vertical="center"/>
    </xf>
    <xf numFmtId="1" fontId="3" fillId="4" borderId="73" xfId="0" applyNumberFormat="1" applyFont="1" applyFill="1" applyBorder="1" applyAlignment="1">
      <alignment vertical="center"/>
    </xf>
    <xf numFmtId="176" fontId="1" fillId="2" borderId="8" xfId="0" applyNumberFormat="1" applyFont="1" applyFill="1" applyBorder="1" applyAlignment="1">
      <alignment vertical="center"/>
    </xf>
    <xf numFmtId="3" fontId="1" fillId="2" borderId="0" xfId="0" applyNumberFormat="1" applyFont="1" applyFill="1" applyAlignment="1">
      <alignment vertical="center"/>
    </xf>
    <xf numFmtId="3" fontId="1" fillId="2" borderId="0" xfId="0" applyNumberFormat="1" applyFont="1" applyFill="1" applyBorder="1" applyAlignment="1">
      <alignmen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2.xml"/><Relationship Id="rId7" Type="http://schemas.openxmlformats.org/officeDocument/2006/relationships/styles" Target="style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4.xml"/><Relationship Id="rId4" Type="http://schemas.openxmlformats.org/officeDocument/2006/relationships/externalLink" Target="externalLinks/externalLink3.xml"/><Relationship Id="rId9" Type="http://schemas.openxmlformats.org/officeDocument/2006/relationships/calcChain" Target="calcChain.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s1504\02_&#20581;&#24247;&#12389;&#12367;&#12426;&#65319;\95_&#31119;&#31049;&#32113;&#35336;&#65288;R4&#12363;&#12425;&#12383;&#12400;&#12371;&#23550;&#31574;G&#25152;&#31649;&#65289;\R5\07_HP\05\05_&#12304;&#20196;&#21644;4&#24180;&#24230;&#29256;&#12305;&#38556;&#23475;&#20816;&#32773;&#31119;&#31049;.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hiho159803\&#20849;&#26377;\&#20445;&#20581;&#31119;&#31049;&#24773;&#22577;&#29677;\&#31038;&#20250;&#31119;&#31049;&#32113;&#35336;&#31561;\&#30740;&#20462;&#21729;&#12501;&#12457;&#12523;&#12480;\18&#24180;&#24230;&#20998;&#25285;&#20107;&#21209;\&#20874;&#23376;&#38306;&#20418;\H18&#31119;&#31049;&#32113;&#35336;(H17&#20998;)\&#38556;&#23475;&#31119;&#31049;&#35506;\05&#32113;&#35336;\17&#24180;&#24230;\H17&#30693;&#30340;&#38556;&#23475;&#32773;&#65288;&#38598;&#35336;&#12522;&#12531;&#12463;&#65289;.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hiho159803\&#20849;&#26377;\My%20Documents\07&#31572;&#24321;\02&#32113;&#35336;\2-1-5&#37325;&#24515;&#33258;&#38281;.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L6x4kyuc99s0\&#22823;&#33251;&#23448;&#25151;&#32113;&#35336;&#24773;&#22577;&#37096;&#31038;&#20250;&#32113;&#35336;&#35506;\ktq\&#31119;&#31049;&#65299;&#65288;&#31038;&#20250;&#31119;&#31049;&#32113;&#35336;&#31532;&#65299;&#20418;&#65289;\h17&#12456;&#12463;&#12475;&#12523;&#12471;&#12540;&#12488;\13.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5障害児者福祉　目次"/>
      <sheetName val="5ｰ1"/>
      <sheetName val="5ｰ2"/>
      <sheetName val="5-3"/>
      <sheetName val="5-4"/>
      <sheetName val="5-5"/>
      <sheetName val="5-6"/>
      <sheetName val="5-7"/>
      <sheetName val="5-8"/>
      <sheetName val="5-9"/>
      <sheetName val="5-10"/>
      <sheetName val="5-11"/>
      <sheetName val="5-13"/>
      <sheetName val="5-14"/>
      <sheetName val="5-15"/>
      <sheetName val="5-16"/>
      <sheetName val="5-17"/>
      <sheetName val="5-18"/>
      <sheetName val="5-19"/>
      <sheetName val="5-20"/>
      <sheetName val="5-21"/>
      <sheetName val="5-22"/>
      <sheetName val="5-23"/>
    </sheetNames>
    <sheetDataSet>
      <sheetData sheetId="0" refreshError="1"/>
      <sheetData sheetId="1" refreshError="1"/>
      <sheetData sheetId="2"/>
      <sheetData sheetId="3"/>
      <sheetData sheetId="4"/>
      <sheetData sheetId="5" refreshError="1"/>
      <sheetData sheetId="6"/>
      <sheetData sheetId="7"/>
      <sheetData sheetId="8"/>
      <sheetData sheetId="9"/>
      <sheetData sheetId="10"/>
      <sheetData sheetId="11"/>
      <sheetData sheetId="12"/>
      <sheetData sheetId="13"/>
      <sheetData sheetId="14"/>
      <sheetData sheetId="15"/>
      <sheetData sheetId="16"/>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知的障害者把握数（基礎データ入力ファイル）"/>
      <sheetName val="2-(1)-1"/>
      <sheetName val="重心自閉2-(1)-2"/>
      <sheetName val="推移表2-（1）-3"/>
      <sheetName val="部長答弁"/>
      <sheetName val="作業用親の会"/>
      <sheetName val="福祉行政の概要（知的）"/>
      <sheetName val="5ｰ1（児）表(福祉統計)"/>
      <sheetName val="5ｰ2（重心）表 (福祉統計)"/>
      <sheetName val="5ｰ3（者）表 (福祉統計) "/>
      <sheetName val="厚生労働調査"/>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重心自閉(H11)"/>
      <sheetName val="重心自閉(H12) "/>
      <sheetName val="重心自閉(H13)"/>
      <sheetName val="重心自閉(H14)"/>
      <sheetName val="作業用親の会"/>
    </sheetNames>
    <sheetDataSet>
      <sheetData sheetId="0" refreshError="1"/>
      <sheetData sheetId="1" refreshError="1"/>
      <sheetData sheetId="2" refreshError="1"/>
      <sheetData sheetId="3" refreshError="1"/>
      <sheetData sheetId="4"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13表"/>
      <sheetName val="130"/>
      <sheetName val="都道府県・指定都市・中核市"/>
    </sheetNames>
    <sheetDataSet>
      <sheetData sheetId="0">
        <row r="13">
          <cell r="E13">
            <v>0</v>
          </cell>
          <cell r="F13">
            <v>0</v>
          </cell>
          <cell r="G13">
            <v>4</v>
          </cell>
          <cell r="H13">
            <v>0</v>
          </cell>
          <cell r="I13">
            <v>0</v>
          </cell>
          <cell r="J13">
            <v>0</v>
          </cell>
        </row>
        <row r="14">
          <cell r="E14">
            <v>0</v>
          </cell>
          <cell r="F14">
            <v>4</v>
          </cell>
          <cell r="G14">
            <v>4</v>
          </cell>
          <cell r="H14">
            <v>0</v>
          </cell>
          <cell r="I14">
            <v>0</v>
          </cell>
          <cell r="J14">
            <v>0</v>
          </cell>
        </row>
        <row r="15">
          <cell r="E15">
            <v>0</v>
          </cell>
          <cell r="F15">
            <v>0</v>
          </cell>
          <cell r="G15">
            <v>4</v>
          </cell>
          <cell r="H15">
            <v>0</v>
          </cell>
          <cell r="I15">
            <v>0</v>
          </cell>
          <cell r="J15">
            <v>0</v>
          </cell>
        </row>
        <row r="16">
          <cell r="E16">
            <v>0</v>
          </cell>
          <cell r="F16">
            <v>0</v>
          </cell>
          <cell r="G16">
            <v>4</v>
          </cell>
          <cell r="H16">
            <v>0</v>
          </cell>
          <cell r="I16">
            <v>0</v>
          </cell>
          <cell r="J16">
            <v>0</v>
          </cell>
        </row>
        <row r="17">
          <cell r="E17">
            <v>0</v>
          </cell>
          <cell r="F17">
            <v>0</v>
          </cell>
          <cell r="G17">
            <v>4</v>
          </cell>
          <cell r="H17">
            <v>0</v>
          </cell>
          <cell r="I17">
            <v>0</v>
          </cell>
          <cell r="J17">
            <v>0</v>
          </cell>
        </row>
        <row r="18">
          <cell r="E18">
            <v>0</v>
          </cell>
          <cell r="F18">
            <v>0</v>
          </cell>
          <cell r="G18">
            <v>20</v>
          </cell>
          <cell r="H18">
            <v>0</v>
          </cell>
          <cell r="I18">
            <v>0</v>
          </cell>
          <cell r="J18">
            <v>0</v>
          </cell>
        </row>
      </sheetData>
      <sheetData sheetId="1"/>
      <sheetData sheetId="2"/>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34"/>
  <sheetViews>
    <sheetView showGridLines="0" tabSelected="1" view="pageBreakPreview" zoomScaleNormal="85" zoomScaleSheetLayoutView="100" workbookViewId="0">
      <pane xSplit="2" ySplit="4" topLeftCell="C5" activePane="bottomRight" state="frozen"/>
      <selection activeCell="J19" sqref="J19"/>
      <selection pane="topRight" activeCell="J19" sqref="J19"/>
      <selection pane="bottomLeft" activeCell="J19" sqref="J19"/>
      <selection pane="bottomRight" activeCell="V1" sqref="V1"/>
    </sheetView>
  </sheetViews>
  <sheetFormatPr defaultColWidth="10" defaultRowHeight="15.75" customHeight="1" x14ac:dyDescent="0.2"/>
  <cols>
    <col min="1" max="1" width="14.21875" style="5" customWidth="1"/>
    <col min="2" max="2" width="5.44140625" style="5" bestFit="1" customWidth="1"/>
    <col min="3" max="3" width="9.77734375" style="5" customWidth="1"/>
    <col min="4" max="4" width="11" style="5" customWidth="1"/>
    <col min="5" max="11" width="9" style="5" customWidth="1"/>
    <col min="12" max="16" width="8.44140625" style="5" customWidth="1"/>
    <col min="17" max="22" width="8.77734375" style="5" customWidth="1"/>
    <col min="23" max="16384" width="10" style="5"/>
  </cols>
  <sheetData>
    <row r="1" spans="1:24" ht="18" thickBot="1" x14ac:dyDescent="0.25">
      <c r="A1" s="1" t="s">
        <v>0</v>
      </c>
      <c r="B1" s="1"/>
      <c r="C1" s="1"/>
      <c r="D1" s="2"/>
      <c r="E1" s="1"/>
      <c r="F1" s="1"/>
      <c r="G1" s="3"/>
      <c r="H1" s="3"/>
      <c r="I1" s="2"/>
      <c r="J1" s="2"/>
      <c r="K1" s="2"/>
      <c r="L1" s="2"/>
      <c r="M1" s="2"/>
      <c r="N1" s="2"/>
      <c r="O1" s="2"/>
      <c r="P1" s="2"/>
      <c r="Q1" s="4"/>
      <c r="R1" s="2"/>
      <c r="S1" s="2"/>
      <c r="V1" s="4" t="s">
        <v>1</v>
      </c>
    </row>
    <row r="2" spans="1:24" s="13" customFormat="1" ht="18.75" customHeight="1" x14ac:dyDescent="0.2">
      <c r="A2" s="6" t="s">
        <v>2</v>
      </c>
      <c r="B2" s="7"/>
      <c r="C2" s="8" t="s">
        <v>3</v>
      </c>
      <c r="D2" s="9" t="s">
        <v>4</v>
      </c>
      <c r="E2" s="9"/>
      <c r="F2" s="9"/>
      <c r="G2" s="9"/>
      <c r="H2" s="9"/>
      <c r="I2" s="9"/>
      <c r="J2" s="9"/>
      <c r="K2" s="9"/>
      <c r="L2" s="10" t="s">
        <v>5</v>
      </c>
      <c r="M2" s="9"/>
      <c r="N2" s="9"/>
      <c r="O2" s="9"/>
      <c r="P2" s="11"/>
      <c r="Q2" s="6" t="s">
        <v>6</v>
      </c>
      <c r="R2" s="12"/>
      <c r="S2" s="12"/>
      <c r="T2" s="12"/>
      <c r="U2" s="12"/>
      <c r="V2" s="7"/>
    </row>
    <row r="3" spans="1:24" s="13" customFormat="1" ht="57.75" customHeight="1" x14ac:dyDescent="0.2">
      <c r="A3" s="14"/>
      <c r="B3" s="15"/>
      <c r="C3" s="16"/>
      <c r="D3" s="17" t="s">
        <v>7</v>
      </c>
      <c r="E3" s="18" t="s">
        <v>8</v>
      </c>
      <c r="F3" s="19" t="s">
        <v>9</v>
      </c>
      <c r="G3" s="20" t="s">
        <v>10</v>
      </c>
      <c r="H3" s="19" t="s">
        <v>11</v>
      </c>
      <c r="I3" s="19" t="s">
        <v>12</v>
      </c>
      <c r="J3" s="19" t="s">
        <v>13</v>
      </c>
      <c r="K3" s="21" t="s">
        <v>14</v>
      </c>
      <c r="L3" s="22" t="s">
        <v>7</v>
      </c>
      <c r="M3" s="23" t="s">
        <v>15</v>
      </c>
      <c r="N3" s="19" t="s">
        <v>16</v>
      </c>
      <c r="O3" s="19" t="s">
        <v>17</v>
      </c>
      <c r="P3" s="24" t="s">
        <v>18</v>
      </c>
      <c r="Q3" s="25" t="s">
        <v>7</v>
      </c>
      <c r="R3" s="26" t="s">
        <v>8</v>
      </c>
      <c r="S3" s="19" t="s">
        <v>9</v>
      </c>
      <c r="T3" s="20" t="s">
        <v>19</v>
      </c>
      <c r="U3" s="20" t="s">
        <v>20</v>
      </c>
      <c r="V3" s="24" t="s">
        <v>21</v>
      </c>
    </row>
    <row r="4" spans="1:24" s="13" customFormat="1" ht="18" thickBot="1" x14ac:dyDescent="0.25">
      <c r="A4" s="27"/>
      <c r="B4" s="28"/>
      <c r="C4" s="29">
        <v>1</v>
      </c>
      <c r="D4" s="30">
        <v>2</v>
      </c>
      <c r="E4" s="31">
        <v>3</v>
      </c>
      <c r="F4" s="32">
        <v>4</v>
      </c>
      <c r="G4" s="32">
        <v>5</v>
      </c>
      <c r="H4" s="32">
        <v>6</v>
      </c>
      <c r="I4" s="32">
        <v>7</v>
      </c>
      <c r="J4" s="32">
        <v>8</v>
      </c>
      <c r="K4" s="33">
        <v>9</v>
      </c>
      <c r="L4" s="34">
        <v>10</v>
      </c>
      <c r="M4" s="31">
        <v>11</v>
      </c>
      <c r="N4" s="32">
        <v>12</v>
      </c>
      <c r="O4" s="32">
        <v>13</v>
      </c>
      <c r="P4" s="35">
        <v>14</v>
      </c>
      <c r="Q4" s="34">
        <v>15</v>
      </c>
      <c r="R4" s="31">
        <v>16</v>
      </c>
      <c r="S4" s="32">
        <v>17</v>
      </c>
      <c r="T4" s="32">
        <v>18</v>
      </c>
      <c r="U4" s="32">
        <v>19</v>
      </c>
      <c r="V4" s="35">
        <v>20</v>
      </c>
    </row>
    <row r="5" spans="1:24" ht="17.399999999999999" x14ac:dyDescent="0.2">
      <c r="A5" s="36" t="s">
        <v>22</v>
      </c>
      <c r="B5" s="37" t="s">
        <v>23</v>
      </c>
      <c r="C5" s="38">
        <f t="shared" ref="C5:V7" si="0">SUM(C8,C11,C14,C17)</f>
        <v>10213</v>
      </c>
      <c r="D5" s="39">
        <f>SUM(D8,D11,D14,D17)</f>
        <v>11797</v>
      </c>
      <c r="E5" s="40">
        <f>SUM(E8,E11,E14,E17)</f>
        <v>2600</v>
      </c>
      <c r="F5" s="41">
        <f t="shared" si="0"/>
        <v>7147</v>
      </c>
      <c r="G5" s="41">
        <f t="shared" si="0"/>
        <v>42</v>
      </c>
      <c r="H5" s="41">
        <f t="shared" si="0"/>
        <v>21</v>
      </c>
      <c r="I5" s="41">
        <f t="shared" si="0"/>
        <v>12</v>
      </c>
      <c r="J5" s="41">
        <f t="shared" si="0"/>
        <v>6</v>
      </c>
      <c r="K5" s="42">
        <f t="shared" si="0"/>
        <v>1969</v>
      </c>
      <c r="L5" s="43">
        <f>SUM(L8,L11,L14,L17)</f>
        <v>9775</v>
      </c>
      <c r="M5" s="40">
        <f>SUM(M8,M11,M14,M17)</f>
        <v>9740</v>
      </c>
      <c r="N5" s="41">
        <f t="shared" si="0"/>
        <v>0</v>
      </c>
      <c r="O5" s="41">
        <f t="shared" si="0"/>
        <v>0</v>
      </c>
      <c r="P5" s="44">
        <f t="shared" si="0"/>
        <v>35</v>
      </c>
      <c r="Q5" s="43">
        <f>SUM(Q8,Q11,Q14,Q17)</f>
        <v>9209</v>
      </c>
      <c r="R5" s="40">
        <f t="shared" si="0"/>
        <v>2585</v>
      </c>
      <c r="S5" s="41">
        <f t="shared" si="0"/>
        <v>6571</v>
      </c>
      <c r="T5" s="41">
        <f t="shared" si="0"/>
        <v>30</v>
      </c>
      <c r="U5" s="41">
        <f t="shared" si="0"/>
        <v>0</v>
      </c>
      <c r="V5" s="44">
        <f t="shared" si="0"/>
        <v>23</v>
      </c>
    </row>
    <row r="6" spans="1:24" ht="17.399999999999999" x14ac:dyDescent="0.2">
      <c r="A6" s="45"/>
      <c r="B6" s="46" t="s">
        <v>24</v>
      </c>
      <c r="C6" s="47">
        <f t="shared" si="0"/>
        <v>787</v>
      </c>
      <c r="D6" s="48">
        <f>SUM(D9,D12,D15,D18)</f>
        <v>1582</v>
      </c>
      <c r="E6" s="49">
        <f t="shared" si="0"/>
        <v>0</v>
      </c>
      <c r="F6" s="50">
        <f t="shared" si="0"/>
        <v>1199</v>
      </c>
      <c r="G6" s="50">
        <f t="shared" si="0"/>
        <v>3</v>
      </c>
      <c r="H6" s="50">
        <f t="shared" si="0"/>
        <v>0</v>
      </c>
      <c r="I6" s="50">
        <f t="shared" si="0"/>
        <v>0</v>
      </c>
      <c r="J6" s="50">
        <f t="shared" si="0"/>
        <v>0</v>
      </c>
      <c r="K6" s="51">
        <f t="shared" si="0"/>
        <v>380</v>
      </c>
      <c r="L6" s="52">
        <f>SUM(L9,L12,L15,L18)</f>
        <v>896</v>
      </c>
      <c r="M6" s="49">
        <f>SUM(M9,M12,M15,M17)</f>
        <v>3349</v>
      </c>
      <c r="N6" s="50">
        <f t="shared" si="0"/>
        <v>0</v>
      </c>
      <c r="O6" s="50">
        <f t="shared" si="0"/>
        <v>0</v>
      </c>
      <c r="P6" s="53">
        <f t="shared" si="0"/>
        <v>107</v>
      </c>
      <c r="Q6" s="52">
        <f>SUM(Q9,Q12,Q15,Q18)</f>
        <v>335</v>
      </c>
      <c r="R6" s="49">
        <f t="shared" si="0"/>
        <v>0</v>
      </c>
      <c r="S6" s="50">
        <f t="shared" si="0"/>
        <v>237</v>
      </c>
      <c r="T6" s="50">
        <f t="shared" si="0"/>
        <v>3</v>
      </c>
      <c r="U6" s="50">
        <f t="shared" si="0"/>
        <v>0</v>
      </c>
      <c r="V6" s="53">
        <f t="shared" si="0"/>
        <v>95</v>
      </c>
    </row>
    <row r="7" spans="1:24" ht="18" thickBot="1" x14ac:dyDescent="0.25">
      <c r="A7" s="54"/>
      <c r="B7" s="55" t="s">
        <v>7</v>
      </c>
      <c r="C7" s="56">
        <f t="shared" si="0"/>
        <v>11000</v>
      </c>
      <c r="D7" s="57">
        <f>SUM(D10,D13,D16,D19)</f>
        <v>13379</v>
      </c>
      <c r="E7" s="58">
        <f t="shared" si="0"/>
        <v>2600</v>
      </c>
      <c r="F7" s="59">
        <f t="shared" si="0"/>
        <v>8346</v>
      </c>
      <c r="G7" s="59">
        <f t="shared" si="0"/>
        <v>45</v>
      </c>
      <c r="H7" s="59">
        <f t="shared" si="0"/>
        <v>21</v>
      </c>
      <c r="I7" s="59">
        <f t="shared" si="0"/>
        <v>12</v>
      </c>
      <c r="J7" s="59">
        <f t="shared" si="0"/>
        <v>6</v>
      </c>
      <c r="K7" s="60">
        <f t="shared" si="0"/>
        <v>2349</v>
      </c>
      <c r="L7" s="61">
        <f>SUM(L10,L13,L16,L19)</f>
        <v>9971</v>
      </c>
      <c r="M7" s="58">
        <f t="shared" si="0"/>
        <v>9829</v>
      </c>
      <c r="N7" s="59">
        <f t="shared" si="0"/>
        <v>0</v>
      </c>
      <c r="O7" s="59">
        <f t="shared" si="0"/>
        <v>0</v>
      </c>
      <c r="P7" s="62">
        <f t="shared" si="0"/>
        <v>142</v>
      </c>
      <c r="Q7" s="61">
        <f>SUM(Q10,Q13,Q16,Q19)</f>
        <v>9544</v>
      </c>
      <c r="R7" s="58">
        <f t="shared" si="0"/>
        <v>2585</v>
      </c>
      <c r="S7" s="59">
        <f t="shared" si="0"/>
        <v>6808</v>
      </c>
      <c r="T7" s="59">
        <f t="shared" si="0"/>
        <v>33</v>
      </c>
      <c r="U7" s="59">
        <f t="shared" si="0"/>
        <v>0</v>
      </c>
      <c r="V7" s="62">
        <f t="shared" si="0"/>
        <v>118</v>
      </c>
    </row>
    <row r="8" spans="1:24" ht="18.75" customHeight="1" thickTop="1" x14ac:dyDescent="0.2">
      <c r="A8" s="63" t="s">
        <v>25</v>
      </c>
      <c r="B8" s="64" t="s">
        <v>23</v>
      </c>
      <c r="C8" s="65">
        <v>4167</v>
      </c>
      <c r="D8" s="66">
        <f>SUM(E8:K8)</f>
        <v>4275</v>
      </c>
      <c r="E8" s="67">
        <v>1291</v>
      </c>
      <c r="F8" s="68">
        <v>2046</v>
      </c>
      <c r="G8" s="68">
        <v>11</v>
      </c>
      <c r="H8" s="68">
        <v>20</v>
      </c>
      <c r="I8" s="68">
        <v>12</v>
      </c>
      <c r="J8" s="68">
        <v>0</v>
      </c>
      <c r="K8" s="69">
        <v>895</v>
      </c>
      <c r="L8" s="70">
        <f>SUM(M8:P8)</f>
        <v>4135</v>
      </c>
      <c r="M8" s="67">
        <v>4135</v>
      </c>
      <c r="N8" s="68">
        <v>0</v>
      </c>
      <c r="O8" s="68">
        <v>0</v>
      </c>
      <c r="P8" s="71">
        <v>0</v>
      </c>
      <c r="Q8" s="70">
        <f>SUM(R8:V8)</f>
        <v>4135</v>
      </c>
      <c r="R8" s="67">
        <v>1303</v>
      </c>
      <c r="S8" s="68">
        <v>2832</v>
      </c>
      <c r="T8" s="68">
        <v>0</v>
      </c>
      <c r="U8" s="68">
        <v>0</v>
      </c>
      <c r="V8" s="71">
        <v>0</v>
      </c>
    </row>
    <row r="9" spans="1:24" ht="17.399999999999999" x14ac:dyDescent="0.2">
      <c r="A9" s="63"/>
      <c r="B9" s="72" t="s">
        <v>24</v>
      </c>
      <c r="C9" s="73">
        <v>48</v>
      </c>
      <c r="D9" s="48">
        <f>SUM(E9:K9)</f>
        <v>48</v>
      </c>
      <c r="E9" s="74">
        <v>0</v>
      </c>
      <c r="F9" s="75">
        <v>48</v>
      </c>
      <c r="G9" s="75">
        <v>0</v>
      </c>
      <c r="H9" s="75">
        <v>0</v>
      </c>
      <c r="I9" s="75">
        <v>0</v>
      </c>
      <c r="J9" s="75">
        <v>0</v>
      </c>
      <c r="K9" s="76">
        <v>0</v>
      </c>
      <c r="L9" s="77">
        <f t="shared" ref="L9:L19" si="1">SUM(M9:P9)</f>
        <v>17</v>
      </c>
      <c r="M9" s="74">
        <v>17</v>
      </c>
      <c r="N9" s="75">
        <v>0</v>
      </c>
      <c r="O9" s="75">
        <v>0</v>
      </c>
      <c r="P9" s="78">
        <v>0</v>
      </c>
      <c r="Q9" s="52">
        <f t="shared" ref="Q9:Q19" si="2">SUM(R9:V9)</f>
        <v>15</v>
      </c>
      <c r="R9" s="74">
        <v>0</v>
      </c>
      <c r="S9" s="75">
        <v>15</v>
      </c>
      <c r="T9" s="75">
        <v>0</v>
      </c>
      <c r="U9" s="75">
        <v>0</v>
      </c>
      <c r="V9" s="78">
        <v>0</v>
      </c>
    </row>
    <row r="10" spans="1:24" ht="17.399999999999999" x14ac:dyDescent="0.2">
      <c r="A10" s="79"/>
      <c r="B10" s="80" t="s">
        <v>7</v>
      </c>
      <c r="C10" s="81">
        <f t="shared" ref="C10:V10" si="3">SUM(C8:C9)</f>
        <v>4215</v>
      </c>
      <c r="D10" s="82">
        <f>SUM(D8:D9)</f>
        <v>4323</v>
      </c>
      <c r="E10" s="83">
        <f t="shared" si="3"/>
        <v>1291</v>
      </c>
      <c r="F10" s="84">
        <f t="shared" si="3"/>
        <v>2094</v>
      </c>
      <c r="G10" s="84">
        <f t="shared" si="3"/>
        <v>11</v>
      </c>
      <c r="H10" s="84">
        <f t="shared" si="3"/>
        <v>20</v>
      </c>
      <c r="I10" s="84">
        <f t="shared" si="3"/>
        <v>12</v>
      </c>
      <c r="J10" s="84">
        <f t="shared" si="3"/>
        <v>0</v>
      </c>
      <c r="K10" s="85">
        <f t="shared" si="3"/>
        <v>895</v>
      </c>
      <c r="L10" s="86">
        <f t="shared" si="1"/>
        <v>4152</v>
      </c>
      <c r="M10" s="83">
        <f t="shared" si="3"/>
        <v>4152</v>
      </c>
      <c r="N10" s="84">
        <f t="shared" si="3"/>
        <v>0</v>
      </c>
      <c r="O10" s="84">
        <f t="shared" si="3"/>
        <v>0</v>
      </c>
      <c r="P10" s="87">
        <f t="shared" si="3"/>
        <v>0</v>
      </c>
      <c r="Q10" s="86">
        <f t="shared" si="2"/>
        <v>4150</v>
      </c>
      <c r="R10" s="83">
        <f t="shared" si="3"/>
        <v>1303</v>
      </c>
      <c r="S10" s="84">
        <f t="shared" si="3"/>
        <v>2847</v>
      </c>
      <c r="T10" s="84">
        <f t="shared" si="3"/>
        <v>0</v>
      </c>
      <c r="U10" s="84">
        <f t="shared" si="3"/>
        <v>0</v>
      </c>
      <c r="V10" s="87">
        <f t="shared" si="3"/>
        <v>0</v>
      </c>
    </row>
    <row r="11" spans="1:24" ht="18.75" customHeight="1" x14ac:dyDescent="0.2">
      <c r="A11" s="88" t="s">
        <v>26</v>
      </c>
      <c r="B11" s="89" t="s">
        <v>23</v>
      </c>
      <c r="C11" s="90">
        <v>1888</v>
      </c>
      <c r="D11" s="66">
        <f>SUM(E11:K11)</f>
        <v>3353</v>
      </c>
      <c r="E11" s="91">
        <v>181</v>
      </c>
      <c r="F11" s="92">
        <v>2060</v>
      </c>
      <c r="G11" s="92">
        <v>31</v>
      </c>
      <c r="H11" s="92">
        <v>1</v>
      </c>
      <c r="I11" s="92">
        <v>0</v>
      </c>
      <c r="J11" s="92">
        <v>6</v>
      </c>
      <c r="K11" s="93">
        <v>1074</v>
      </c>
      <c r="L11" s="94">
        <f t="shared" si="1"/>
        <v>1516</v>
      </c>
      <c r="M11" s="91">
        <v>1510</v>
      </c>
      <c r="N11" s="92">
        <v>0</v>
      </c>
      <c r="O11" s="92">
        <v>0</v>
      </c>
      <c r="P11" s="95">
        <v>6</v>
      </c>
      <c r="Q11" s="94">
        <f t="shared" si="2"/>
        <v>1504</v>
      </c>
      <c r="R11" s="91">
        <v>214</v>
      </c>
      <c r="S11" s="92">
        <v>1237</v>
      </c>
      <c r="T11" s="92">
        <v>30</v>
      </c>
      <c r="U11" s="92">
        <v>0</v>
      </c>
      <c r="V11" s="95">
        <v>23</v>
      </c>
      <c r="W11" s="96"/>
      <c r="X11" s="96"/>
    </row>
    <row r="12" spans="1:24" ht="17.399999999999999" x14ac:dyDescent="0.2">
      <c r="A12" s="63"/>
      <c r="B12" s="97" t="s">
        <v>24</v>
      </c>
      <c r="C12" s="73">
        <v>219</v>
      </c>
      <c r="D12" s="48">
        <f>SUM(E12:K12)</f>
        <v>723</v>
      </c>
      <c r="E12" s="74">
        <v>0</v>
      </c>
      <c r="F12" s="75">
        <v>340</v>
      </c>
      <c r="G12" s="75">
        <v>3</v>
      </c>
      <c r="H12" s="75">
        <v>0</v>
      </c>
      <c r="I12" s="75">
        <v>0</v>
      </c>
      <c r="J12" s="75">
        <v>0</v>
      </c>
      <c r="K12" s="76">
        <v>380</v>
      </c>
      <c r="L12" s="52">
        <f t="shared" si="1"/>
        <v>167</v>
      </c>
      <c r="M12" s="74">
        <v>72</v>
      </c>
      <c r="N12" s="75">
        <v>0</v>
      </c>
      <c r="O12" s="75">
        <v>0</v>
      </c>
      <c r="P12" s="78">
        <v>95</v>
      </c>
      <c r="Q12" s="52">
        <f t="shared" si="2"/>
        <v>132</v>
      </c>
      <c r="R12" s="74">
        <v>0</v>
      </c>
      <c r="S12" s="75">
        <v>34</v>
      </c>
      <c r="T12" s="75">
        <v>3</v>
      </c>
      <c r="U12" s="75">
        <v>0</v>
      </c>
      <c r="V12" s="78">
        <v>95</v>
      </c>
      <c r="W12" s="96"/>
      <c r="X12" s="96"/>
    </row>
    <row r="13" spans="1:24" ht="17.399999999999999" x14ac:dyDescent="0.2">
      <c r="A13" s="79"/>
      <c r="B13" s="98" t="s">
        <v>7</v>
      </c>
      <c r="C13" s="99">
        <f t="shared" ref="C13:V13" si="4">SUM(C11:C12)</f>
        <v>2107</v>
      </c>
      <c r="D13" s="82">
        <f>SUM(D11:D12)</f>
        <v>4076</v>
      </c>
      <c r="E13" s="83">
        <f t="shared" si="4"/>
        <v>181</v>
      </c>
      <c r="F13" s="84">
        <f t="shared" si="4"/>
        <v>2400</v>
      </c>
      <c r="G13" s="84">
        <f t="shared" si="4"/>
        <v>34</v>
      </c>
      <c r="H13" s="84">
        <f t="shared" si="4"/>
        <v>1</v>
      </c>
      <c r="I13" s="84">
        <f t="shared" si="4"/>
        <v>0</v>
      </c>
      <c r="J13" s="84">
        <f t="shared" si="4"/>
        <v>6</v>
      </c>
      <c r="K13" s="85">
        <f t="shared" si="4"/>
        <v>1454</v>
      </c>
      <c r="L13" s="86">
        <f t="shared" si="1"/>
        <v>1683</v>
      </c>
      <c r="M13" s="83">
        <f t="shared" si="4"/>
        <v>1582</v>
      </c>
      <c r="N13" s="84">
        <f t="shared" si="4"/>
        <v>0</v>
      </c>
      <c r="O13" s="84">
        <f t="shared" si="4"/>
        <v>0</v>
      </c>
      <c r="P13" s="87">
        <f t="shared" si="4"/>
        <v>101</v>
      </c>
      <c r="Q13" s="86">
        <f t="shared" si="2"/>
        <v>1636</v>
      </c>
      <c r="R13" s="83">
        <f t="shared" si="4"/>
        <v>214</v>
      </c>
      <c r="S13" s="84">
        <f t="shared" si="4"/>
        <v>1271</v>
      </c>
      <c r="T13" s="84">
        <f t="shared" si="4"/>
        <v>33</v>
      </c>
      <c r="U13" s="84">
        <f t="shared" si="4"/>
        <v>0</v>
      </c>
      <c r="V13" s="87">
        <f t="shared" si="4"/>
        <v>118</v>
      </c>
      <c r="W13" s="96"/>
      <c r="X13" s="96"/>
    </row>
    <row r="14" spans="1:24" s="96" customFormat="1" ht="18.75" customHeight="1" x14ac:dyDescent="0.2">
      <c r="A14" s="88" t="s">
        <v>27</v>
      </c>
      <c r="B14" s="100" t="s">
        <v>23</v>
      </c>
      <c r="C14" s="90">
        <v>1005</v>
      </c>
      <c r="D14" s="66">
        <f>SUM(E14:K14)</f>
        <v>1005</v>
      </c>
      <c r="E14" s="91">
        <v>71</v>
      </c>
      <c r="F14" s="92">
        <v>934</v>
      </c>
      <c r="G14" s="92">
        <v>0</v>
      </c>
      <c r="H14" s="92">
        <v>0</v>
      </c>
      <c r="I14" s="92">
        <v>0</v>
      </c>
      <c r="J14" s="92">
        <v>0</v>
      </c>
      <c r="K14" s="93">
        <v>0</v>
      </c>
      <c r="L14" s="94">
        <f t="shared" si="1"/>
        <v>835</v>
      </c>
      <c r="M14" s="91">
        <v>835</v>
      </c>
      <c r="N14" s="92">
        <v>0</v>
      </c>
      <c r="O14" s="92">
        <v>0</v>
      </c>
      <c r="P14" s="95">
        <v>0</v>
      </c>
      <c r="Q14" s="94">
        <f t="shared" si="2"/>
        <v>620</v>
      </c>
      <c r="R14" s="91">
        <v>71</v>
      </c>
      <c r="S14" s="92">
        <v>549</v>
      </c>
      <c r="T14" s="92">
        <v>0</v>
      </c>
      <c r="U14" s="92">
        <v>0</v>
      </c>
      <c r="V14" s="95">
        <v>0</v>
      </c>
    </row>
    <row r="15" spans="1:24" s="96" customFormat="1" ht="17.399999999999999" x14ac:dyDescent="0.2">
      <c r="A15" s="63"/>
      <c r="B15" s="72" t="s">
        <v>24</v>
      </c>
      <c r="C15" s="73">
        <v>0</v>
      </c>
      <c r="D15" s="48">
        <f>SUM(E15:K15)</f>
        <v>0</v>
      </c>
      <c r="E15" s="74">
        <v>0</v>
      </c>
      <c r="F15" s="75">
        <v>0</v>
      </c>
      <c r="G15" s="75">
        <v>0</v>
      </c>
      <c r="H15" s="75">
        <v>0</v>
      </c>
      <c r="I15" s="75">
        <v>0</v>
      </c>
      <c r="J15" s="75">
        <v>0</v>
      </c>
      <c r="K15" s="76">
        <v>0</v>
      </c>
      <c r="L15" s="52">
        <f t="shared" si="1"/>
        <v>0</v>
      </c>
      <c r="M15" s="74">
        <v>0</v>
      </c>
      <c r="N15" s="75">
        <v>0</v>
      </c>
      <c r="O15" s="75">
        <v>0</v>
      </c>
      <c r="P15" s="78">
        <v>0</v>
      </c>
      <c r="Q15" s="77">
        <f t="shared" si="2"/>
        <v>0</v>
      </c>
      <c r="R15" s="74">
        <v>0</v>
      </c>
      <c r="S15" s="75">
        <v>0</v>
      </c>
      <c r="T15" s="75">
        <v>0</v>
      </c>
      <c r="U15" s="75">
        <v>0</v>
      </c>
      <c r="V15" s="78">
        <v>0</v>
      </c>
      <c r="W15" s="101"/>
    </row>
    <row r="16" spans="1:24" s="96" customFormat="1" ht="17.399999999999999" x14ac:dyDescent="0.2">
      <c r="A16" s="79"/>
      <c r="B16" s="80" t="s">
        <v>7</v>
      </c>
      <c r="C16" s="99">
        <f t="shared" ref="C16:V16" si="5">SUM(C14:C15)</f>
        <v>1005</v>
      </c>
      <c r="D16" s="82">
        <f>SUM(D14:D15)</f>
        <v>1005</v>
      </c>
      <c r="E16" s="83">
        <f t="shared" si="5"/>
        <v>71</v>
      </c>
      <c r="F16" s="84">
        <f t="shared" si="5"/>
        <v>934</v>
      </c>
      <c r="G16" s="84">
        <f t="shared" si="5"/>
        <v>0</v>
      </c>
      <c r="H16" s="84">
        <f t="shared" si="5"/>
        <v>0</v>
      </c>
      <c r="I16" s="84">
        <f t="shared" si="5"/>
        <v>0</v>
      </c>
      <c r="J16" s="84">
        <f t="shared" si="5"/>
        <v>0</v>
      </c>
      <c r="K16" s="85">
        <f t="shared" si="5"/>
        <v>0</v>
      </c>
      <c r="L16" s="86">
        <f t="shared" si="1"/>
        <v>835</v>
      </c>
      <c r="M16" s="83">
        <f t="shared" si="5"/>
        <v>835</v>
      </c>
      <c r="N16" s="84">
        <f t="shared" si="5"/>
        <v>0</v>
      </c>
      <c r="O16" s="84">
        <f t="shared" si="5"/>
        <v>0</v>
      </c>
      <c r="P16" s="87">
        <f t="shared" si="5"/>
        <v>0</v>
      </c>
      <c r="Q16" s="86">
        <f t="shared" si="2"/>
        <v>620</v>
      </c>
      <c r="R16" s="83">
        <f t="shared" si="5"/>
        <v>71</v>
      </c>
      <c r="S16" s="84">
        <f t="shared" si="5"/>
        <v>549</v>
      </c>
      <c r="T16" s="84">
        <f t="shared" si="5"/>
        <v>0</v>
      </c>
      <c r="U16" s="84">
        <f t="shared" si="5"/>
        <v>0</v>
      </c>
      <c r="V16" s="87">
        <f t="shared" si="5"/>
        <v>0</v>
      </c>
    </row>
    <row r="17" spans="1:22" ht="18.75" customHeight="1" x14ac:dyDescent="0.2">
      <c r="A17" s="102" t="s">
        <v>28</v>
      </c>
      <c r="B17" s="89" t="s">
        <v>23</v>
      </c>
      <c r="C17" s="103">
        <v>3153</v>
      </c>
      <c r="D17" s="66">
        <f>SUM(E17:K17)</f>
        <v>3164</v>
      </c>
      <c r="E17" s="104">
        <v>1057</v>
      </c>
      <c r="F17" s="105">
        <v>2107</v>
      </c>
      <c r="G17" s="106">
        <v>0</v>
      </c>
      <c r="H17" s="106">
        <v>0</v>
      </c>
      <c r="I17" s="106">
        <v>0</v>
      </c>
      <c r="J17" s="106">
        <v>0</v>
      </c>
      <c r="K17" s="107">
        <v>0</v>
      </c>
      <c r="L17" s="94">
        <f>SUM(M17:P17)</f>
        <v>3289</v>
      </c>
      <c r="M17" s="108">
        <v>3260</v>
      </c>
      <c r="N17" s="106">
        <v>0</v>
      </c>
      <c r="O17" s="106">
        <v>0</v>
      </c>
      <c r="P17" s="109">
        <v>29</v>
      </c>
      <c r="Q17" s="94">
        <f t="shared" si="2"/>
        <v>2950</v>
      </c>
      <c r="R17" s="104">
        <v>997</v>
      </c>
      <c r="S17" s="105">
        <v>1953</v>
      </c>
      <c r="T17" s="106">
        <v>0</v>
      </c>
      <c r="U17" s="106">
        <v>0</v>
      </c>
      <c r="V17" s="110">
        <v>0</v>
      </c>
    </row>
    <row r="18" spans="1:22" ht="17.399999999999999" x14ac:dyDescent="0.2">
      <c r="A18" s="111"/>
      <c r="B18" s="97" t="s">
        <v>24</v>
      </c>
      <c r="C18" s="112">
        <v>520</v>
      </c>
      <c r="D18" s="48">
        <f>SUM(E18:K18)</f>
        <v>811</v>
      </c>
      <c r="E18" s="113">
        <v>0</v>
      </c>
      <c r="F18" s="114">
        <v>811</v>
      </c>
      <c r="G18" s="115">
        <v>0</v>
      </c>
      <c r="H18" s="115">
        <v>0</v>
      </c>
      <c r="I18" s="115">
        <v>0</v>
      </c>
      <c r="J18" s="115">
        <v>0</v>
      </c>
      <c r="K18" s="116">
        <v>0</v>
      </c>
      <c r="L18" s="52">
        <f t="shared" si="1"/>
        <v>712</v>
      </c>
      <c r="M18" s="117">
        <v>700</v>
      </c>
      <c r="N18" s="115">
        <v>0</v>
      </c>
      <c r="O18" s="115">
        <v>0</v>
      </c>
      <c r="P18" s="118">
        <v>12</v>
      </c>
      <c r="Q18" s="52">
        <f t="shared" si="2"/>
        <v>188</v>
      </c>
      <c r="R18" s="113">
        <v>0</v>
      </c>
      <c r="S18" s="114">
        <v>188</v>
      </c>
      <c r="T18" s="115">
        <v>0</v>
      </c>
      <c r="U18" s="115">
        <v>0</v>
      </c>
      <c r="V18" s="119">
        <v>0</v>
      </c>
    </row>
    <row r="19" spans="1:22" ht="18" thickBot="1" x14ac:dyDescent="0.25">
      <c r="A19" s="120"/>
      <c r="B19" s="121" t="s">
        <v>7</v>
      </c>
      <c r="C19" s="122">
        <f t="shared" ref="C19:V19" si="6">SUM(C17:C18)</f>
        <v>3673</v>
      </c>
      <c r="D19" s="123">
        <f>SUM(D17:D18)</f>
        <v>3975</v>
      </c>
      <c r="E19" s="124">
        <f t="shared" si="6"/>
        <v>1057</v>
      </c>
      <c r="F19" s="125">
        <f t="shared" si="6"/>
        <v>2918</v>
      </c>
      <c r="G19" s="126">
        <f t="shared" si="6"/>
        <v>0</v>
      </c>
      <c r="H19" s="126">
        <f t="shared" si="6"/>
        <v>0</v>
      </c>
      <c r="I19" s="126">
        <f t="shared" si="6"/>
        <v>0</v>
      </c>
      <c r="J19" s="126">
        <f t="shared" si="6"/>
        <v>0</v>
      </c>
      <c r="K19" s="127">
        <f>SUM(K17:K18)</f>
        <v>0</v>
      </c>
      <c r="L19" s="128">
        <f t="shared" si="1"/>
        <v>3301</v>
      </c>
      <c r="M19" s="124">
        <f>SUM(M17:M17)</f>
        <v>3260</v>
      </c>
      <c r="N19" s="126">
        <f t="shared" si="6"/>
        <v>0</v>
      </c>
      <c r="O19" s="126">
        <f t="shared" si="6"/>
        <v>0</v>
      </c>
      <c r="P19" s="129">
        <f t="shared" si="6"/>
        <v>41</v>
      </c>
      <c r="Q19" s="128">
        <f t="shared" si="2"/>
        <v>3138</v>
      </c>
      <c r="R19" s="124">
        <f t="shared" si="6"/>
        <v>997</v>
      </c>
      <c r="S19" s="125">
        <f t="shared" si="6"/>
        <v>2141</v>
      </c>
      <c r="T19" s="126">
        <f t="shared" si="6"/>
        <v>0</v>
      </c>
      <c r="U19" s="126">
        <f t="shared" si="6"/>
        <v>0</v>
      </c>
      <c r="V19" s="130">
        <f t="shared" si="6"/>
        <v>0</v>
      </c>
    </row>
    <row r="20" spans="1:22" ht="17.399999999999999" x14ac:dyDescent="0.2">
      <c r="A20" s="131" t="s">
        <v>29</v>
      </c>
      <c r="B20" s="131"/>
      <c r="C20" s="117"/>
      <c r="D20" s="117"/>
      <c r="E20" s="117"/>
      <c r="F20" s="117"/>
      <c r="G20" s="117"/>
      <c r="H20" s="117"/>
      <c r="I20" s="117"/>
      <c r="J20" s="117"/>
      <c r="K20" s="117"/>
      <c r="L20" s="117"/>
      <c r="M20" s="117"/>
      <c r="N20" s="117"/>
      <c r="O20" s="117"/>
      <c r="P20" s="117"/>
      <c r="Q20" s="131"/>
      <c r="R20" s="117"/>
      <c r="S20" s="117"/>
      <c r="T20" s="117"/>
      <c r="U20" s="117"/>
      <c r="V20" s="117"/>
    </row>
    <row r="21" spans="1:22" ht="15.75" customHeight="1" x14ac:dyDescent="0.2">
      <c r="A21" s="132"/>
      <c r="B21" s="132"/>
      <c r="C21" s="132"/>
      <c r="D21" s="132"/>
      <c r="E21" s="132"/>
      <c r="F21" s="132"/>
      <c r="G21" s="132"/>
      <c r="H21" s="132"/>
      <c r="I21" s="132"/>
      <c r="J21" s="132"/>
      <c r="K21" s="132"/>
      <c r="L21" s="132"/>
      <c r="M21" s="132"/>
      <c r="N21" s="132"/>
      <c r="O21" s="132"/>
      <c r="P21" s="132"/>
      <c r="Q21" s="133"/>
      <c r="R21" s="132"/>
      <c r="S21" s="132"/>
      <c r="T21" s="132"/>
      <c r="U21" s="132"/>
      <c r="V21" s="133"/>
    </row>
    <row r="22" spans="1:22" ht="17.399999999999999" x14ac:dyDescent="0.2">
      <c r="A22" s="132"/>
      <c r="B22" s="132"/>
      <c r="C22" s="132"/>
      <c r="D22" s="132"/>
      <c r="E22" s="132"/>
      <c r="F22" s="132"/>
      <c r="G22" s="132"/>
      <c r="H22" s="132"/>
      <c r="I22" s="132"/>
      <c r="J22" s="132"/>
      <c r="K22" s="132"/>
      <c r="L22" s="132"/>
      <c r="M22" s="132"/>
      <c r="N22" s="132"/>
      <c r="O22" s="132"/>
      <c r="P22" s="132"/>
      <c r="Q22" s="132"/>
      <c r="R22" s="132"/>
      <c r="S22" s="132"/>
      <c r="T22" s="132"/>
      <c r="U22" s="132"/>
      <c r="V22" s="132"/>
    </row>
    <row r="23" spans="1:22" ht="17.399999999999999" x14ac:dyDescent="0.2">
      <c r="A23" s="132"/>
      <c r="B23" s="132"/>
      <c r="C23" s="132"/>
      <c r="D23" s="132"/>
      <c r="E23" s="132"/>
      <c r="F23" s="132"/>
      <c r="G23" s="132"/>
      <c r="H23" s="132"/>
      <c r="I23" s="132"/>
      <c r="J23" s="132"/>
      <c r="K23" s="132"/>
      <c r="L23" s="132"/>
      <c r="M23" s="132"/>
      <c r="N23" s="132"/>
      <c r="O23" s="132"/>
      <c r="P23" s="132"/>
      <c r="Q23" s="132"/>
      <c r="R23" s="132"/>
      <c r="S23" s="132"/>
      <c r="T23" s="132"/>
      <c r="U23" s="132"/>
      <c r="V23" s="132"/>
    </row>
    <row r="24" spans="1:22" ht="17.399999999999999" x14ac:dyDescent="0.2">
      <c r="A24" s="132"/>
      <c r="B24" s="132"/>
      <c r="C24" s="132"/>
      <c r="D24" s="132"/>
      <c r="E24" s="132"/>
      <c r="F24" s="132"/>
      <c r="G24" s="132"/>
      <c r="H24" s="132"/>
      <c r="I24" s="132"/>
      <c r="J24" s="132"/>
      <c r="K24" s="132"/>
      <c r="L24" s="132"/>
      <c r="M24" s="132"/>
      <c r="N24" s="132"/>
      <c r="O24" s="132"/>
      <c r="P24" s="132"/>
      <c r="Q24" s="132"/>
      <c r="R24" s="132"/>
      <c r="S24" s="132"/>
      <c r="T24" s="132"/>
      <c r="U24" s="132"/>
      <c r="V24" s="132"/>
    </row>
    <row r="25" spans="1:22" ht="17.399999999999999" x14ac:dyDescent="0.2">
      <c r="A25" s="132"/>
      <c r="B25" s="132"/>
      <c r="C25" s="132"/>
      <c r="D25" s="132"/>
      <c r="E25" s="132"/>
      <c r="F25" s="132"/>
      <c r="G25" s="132"/>
      <c r="H25" s="132"/>
      <c r="I25" s="132"/>
      <c r="J25" s="132"/>
      <c r="K25" s="132"/>
      <c r="L25" s="132"/>
      <c r="M25" s="132"/>
      <c r="N25" s="132"/>
      <c r="O25" s="132"/>
      <c r="P25" s="132"/>
      <c r="Q25" s="132"/>
      <c r="R25" s="132"/>
      <c r="S25" s="132"/>
      <c r="T25" s="132"/>
      <c r="U25" s="132"/>
      <c r="V25" s="132"/>
    </row>
    <row r="26" spans="1:22" ht="17.399999999999999" x14ac:dyDescent="0.2">
      <c r="A26" s="132"/>
      <c r="B26" s="132"/>
      <c r="C26" s="132"/>
      <c r="D26" s="132"/>
      <c r="E26" s="132"/>
      <c r="F26" s="132"/>
      <c r="G26" s="132"/>
      <c r="H26" s="132"/>
      <c r="I26" s="132"/>
      <c r="J26" s="132"/>
      <c r="K26" s="132"/>
      <c r="L26" s="132"/>
      <c r="M26" s="132"/>
      <c r="N26" s="132"/>
      <c r="O26" s="132"/>
      <c r="P26" s="132"/>
      <c r="Q26" s="132"/>
      <c r="R26" s="132"/>
      <c r="S26" s="132"/>
      <c r="T26" s="132"/>
      <c r="U26" s="132"/>
      <c r="V26" s="132"/>
    </row>
    <row r="27" spans="1:22" ht="17.399999999999999" x14ac:dyDescent="0.2">
      <c r="A27" s="132"/>
      <c r="B27" s="132"/>
      <c r="C27" s="132"/>
      <c r="D27" s="132"/>
      <c r="E27" s="132"/>
      <c r="F27" s="132"/>
      <c r="G27" s="132"/>
      <c r="H27" s="132"/>
      <c r="I27" s="132"/>
      <c r="J27" s="132"/>
      <c r="K27" s="132"/>
      <c r="L27" s="132"/>
      <c r="M27" s="132"/>
      <c r="N27" s="132"/>
      <c r="O27" s="132"/>
      <c r="P27" s="132"/>
      <c r="Q27" s="132"/>
      <c r="R27" s="132"/>
      <c r="S27" s="132"/>
      <c r="T27" s="132"/>
      <c r="U27" s="132"/>
      <c r="V27" s="132"/>
    </row>
    <row r="28" spans="1:22" ht="17.399999999999999" x14ac:dyDescent="0.2">
      <c r="A28" s="132"/>
      <c r="B28" s="132"/>
      <c r="C28" s="132"/>
      <c r="D28" s="132"/>
      <c r="E28" s="132"/>
      <c r="F28" s="132"/>
      <c r="G28" s="132"/>
      <c r="H28" s="132"/>
      <c r="I28" s="132"/>
      <c r="J28" s="132"/>
      <c r="K28" s="132"/>
      <c r="L28" s="132"/>
      <c r="M28" s="132"/>
      <c r="N28" s="132"/>
      <c r="O28" s="132"/>
      <c r="P28" s="132"/>
      <c r="Q28" s="132"/>
      <c r="R28" s="132"/>
      <c r="S28" s="132"/>
      <c r="T28" s="132"/>
      <c r="U28" s="132"/>
      <c r="V28" s="132"/>
    </row>
    <row r="29" spans="1:22" ht="17.399999999999999" x14ac:dyDescent="0.2">
      <c r="A29" s="132"/>
      <c r="B29" s="132"/>
      <c r="C29" s="132"/>
      <c r="D29" s="132"/>
      <c r="E29" s="132"/>
      <c r="F29" s="132"/>
      <c r="G29" s="132"/>
      <c r="H29" s="132"/>
      <c r="I29" s="132"/>
      <c r="J29" s="132"/>
      <c r="K29" s="132"/>
      <c r="L29" s="132"/>
      <c r="M29" s="132"/>
      <c r="N29" s="132"/>
      <c r="O29" s="132"/>
      <c r="P29" s="132"/>
      <c r="Q29" s="132"/>
      <c r="R29" s="132"/>
      <c r="S29" s="132"/>
      <c r="T29" s="132"/>
      <c r="U29" s="132"/>
      <c r="V29" s="132"/>
    </row>
    <row r="30" spans="1:22" ht="17.399999999999999" x14ac:dyDescent="0.2">
      <c r="A30" s="132"/>
      <c r="B30" s="132"/>
      <c r="C30" s="132"/>
      <c r="D30" s="132"/>
      <c r="E30" s="132"/>
      <c r="F30" s="132"/>
      <c r="G30" s="132"/>
      <c r="H30" s="132"/>
      <c r="I30" s="132"/>
      <c r="J30" s="132"/>
      <c r="K30" s="132"/>
      <c r="L30" s="132"/>
      <c r="M30" s="132"/>
      <c r="N30" s="132"/>
      <c r="O30" s="132"/>
      <c r="P30" s="132"/>
      <c r="Q30" s="132"/>
      <c r="R30" s="132"/>
      <c r="S30" s="132"/>
      <c r="T30" s="132"/>
      <c r="U30" s="132"/>
      <c r="V30" s="132"/>
    </row>
    <row r="31" spans="1:22" ht="17.399999999999999" x14ac:dyDescent="0.2">
      <c r="A31" s="132"/>
      <c r="B31" s="132"/>
      <c r="C31" s="132"/>
      <c r="D31" s="132"/>
      <c r="E31" s="132"/>
      <c r="F31" s="132"/>
      <c r="G31" s="132"/>
      <c r="H31" s="132"/>
      <c r="I31" s="132"/>
      <c r="J31" s="132"/>
      <c r="K31" s="132"/>
      <c r="L31" s="132"/>
      <c r="M31" s="132"/>
      <c r="N31" s="132"/>
      <c r="O31" s="132"/>
      <c r="P31" s="132"/>
      <c r="Q31" s="132"/>
      <c r="R31" s="132"/>
      <c r="S31" s="132"/>
      <c r="T31" s="132"/>
      <c r="U31" s="132"/>
      <c r="V31" s="132"/>
    </row>
    <row r="32" spans="1:22" ht="17.399999999999999" x14ac:dyDescent="0.2">
      <c r="A32" s="132"/>
      <c r="B32" s="132"/>
      <c r="C32" s="132"/>
      <c r="D32" s="132"/>
      <c r="E32" s="132"/>
      <c r="F32" s="132"/>
      <c r="G32" s="132"/>
      <c r="H32" s="132"/>
      <c r="I32" s="132"/>
      <c r="J32" s="132"/>
      <c r="K32" s="132"/>
      <c r="L32" s="132"/>
      <c r="M32" s="132"/>
      <c r="N32" s="132"/>
      <c r="O32" s="132"/>
      <c r="P32" s="132"/>
      <c r="Q32" s="132"/>
      <c r="R32" s="132"/>
      <c r="S32" s="132"/>
      <c r="T32" s="132"/>
      <c r="U32" s="132"/>
      <c r="V32" s="132"/>
    </row>
    <row r="33" spans="1:22" ht="17.399999999999999" x14ac:dyDescent="0.2">
      <c r="A33" s="132"/>
      <c r="B33" s="132"/>
      <c r="C33" s="132"/>
      <c r="D33" s="132"/>
      <c r="E33" s="132"/>
      <c r="F33" s="132"/>
      <c r="G33" s="132"/>
      <c r="H33" s="132"/>
      <c r="I33" s="132"/>
      <c r="J33" s="132"/>
      <c r="K33" s="132"/>
      <c r="L33" s="132"/>
      <c r="M33" s="132"/>
      <c r="N33" s="132"/>
      <c r="O33" s="132"/>
      <c r="P33" s="132"/>
      <c r="Q33" s="132"/>
      <c r="R33" s="132"/>
      <c r="S33" s="132"/>
      <c r="T33" s="132"/>
      <c r="U33" s="132"/>
      <c r="V33" s="132"/>
    </row>
    <row r="34" spans="1:22" ht="17.399999999999999" x14ac:dyDescent="0.2">
      <c r="A34" s="132"/>
      <c r="B34" s="132"/>
      <c r="C34" s="132"/>
      <c r="D34" s="132"/>
      <c r="E34" s="132"/>
      <c r="F34" s="132"/>
      <c r="G34" s="132"/>
      <c r="H34" s="132"/>
      <c r="I34" s="132"/>
      <c r="J34" s="132"/>
      <c r="K34" s="132"/>
      <c r="L34" s="132"/>
      <c r="M34" s="132"/>
      <c r="N34" s="132"/>
      <c r="O34" s="132"/>
      <c r="P34" s="132"/>
      <c r="Q34" s="132"/>
      <c r="R34" s="132"/>
      <c r="S34" s="132"/>
      <c r="T34" s="132"/>
      <c r="U34" s="132"/>
      <c r="V34" s="132"/>
    </row>
  </sheetData>
  <mergeCells count="10">
    <mergeCell ref="A8:A10"/>
    <mergeCell ref="A11:A13"/>
    <mergeCell ref="A14:A16"/>
    <mergeCell ref="A17:A19"/>
    <mergeCell ref="A2:B4"/>
    <mergeCell ref="C2:C3"/>
    <mergeCell ref="D2:K2"/>
    <mergeCell ref="L2:P2"/>
    <mergeCell ref="Q2:V2"/>
    <mergeCell ref="A5:A7"/>
  </mergeCells>
  <phoneticPr fontId="2"/>
  <pageMargins left="0.59055118110236227" right="0.59055118110236227" top="0.59055118110236227" bottom="0.59055118110236227" header="0.39370078740157483" footer="0.39370078740157483"/>
  <pageSetup paperSize="8" orientation="landscape" r:id="rId1"/>
  <headerFooter>
    <oddHeader>&amp;R&amp;A</oddHeader>
  </headerFooter>
  <extLst>
    <ext xmlns:x14="http://schemas.microsoft.com/office/spreadsheetml/2009/9/main" uri="{CCE6A557-97BC-4b89-ADB6-D9C93CAAB3DF}">
      <x14:dataValidations xmlns:xm="http://schemas.microsoft.com/office/excel/2006/main" count="1">
        <x14:dataValidation type="whole" allowBlank="1" showInputMessage="1" showErrorMessage="1" errorTitle="入力エラー" error="入力欄には整数を入力してください！！_x000a_">
          <x14:formula1>
            <xm:f>0</xm:f>
          </x14:formula1>
          <x14:formula2>
            <xm:f>9999999999</xm:f>
          </x14:formula2>
          <xm:sqref>E65553:K65554 R17:V18 C14:C15 C65553:C65554 C131089:C131090 C196625:C196626 C262161:C262162 C327697:C327698 C393233:C393234 C458769:C458770 C524305:C524306 C589841:C589842 C655377:C655378 C720913:C720914 C786449:C786450 C851985:C851986 C917521:C917522 C983057:C983058 C11:C12 C65550:C65551 C131086:C131087 C196622:C196623 C262158:C262159 C327694:C327695 C393230:C393231 C458766:C458767 C524302:C524303 C589838:C589839 C655374:C655375 C720910:C720911 C786446:C786447 C851982:C851983 C917518:C917519 C983054:C983055 C5:C9 C65547:C65548 C131083:C131084 C196619:C196620 C262155:C262156 C327691:C327692 C393227:C393228 C458763:C458764 C524299:C524300 C589835:C589836 C655371:C655372 C720907:C720908 C786443:C786444 C851979:C851980 C917515:C917516 C983051:C983052 E14:K15 C65541:C65545 C131077:C131081 C196613:C196617 C262149:C262153 C327685:C327689 C393221:C393225 C458757:C458761 C524293:C524297 C589829:C589833 C655365:C655369 C720901:C720905 C786437:C786441 C851973:C851977 C917509:C917513 C983045:C983049 E917509:P917513 Q851973:V851975 E851973:P851977 Q786437:V786439 E786437:P786441 Q720901:V720903 E720901:P720905 Q655365:V655367 E655365:P655369 Q589829:V589831 E589829:P589833 Q524293:V524295 E524293:P524297 Q458757:V458759 E458757:P458761 Q393221:V393223 E393221:P393225 Q327685:V327687 E327685:P327689 Q262149:V262151 E262149:P262153 Q196613:V196615 E196613:P196617 Q131077:V131079 E131077:P131081 Q65541:V65543 E65541:P65545 Q5:V7 C17:C18 Q983045:V983047 E983045:P983049 D983045:D983047 D917509:D917511 D851973:D851975 D786437:D786439 D720901:D720903 D655365:D655367 D589829:D589831 D524293:D524295 D458757:D458759 D393221:D393223 D327685:D327687 D262149:D262151 D196613:D196615 D131077:D131079 D65541:D65543 D5:D7 IY17:JF18 WLO983045:WLV983049 WBS983045:WBZ983049 VRW983045:VSD983049 VIA983045:VIH983049 UYE983045:UYL983049 UOI983045:UOP983049 UEM983045:UET983049 TUQ983045:TUX983049 TKU983045:TLB983049 TAY983045:TBF983049 SRC983045:SRJ983049 SHG983045:SHN983049 RXK983045:RXR983049 RNO983045:RNV983049 RDS983045:RDZ983049 QTW983045:QUD983049 QKA983045:QKH983049 QAE983045:QAL983049 PQI983045:PQP983049 PGM983045:PGT983049 OWQ983045:OWX983049 OMU983045:ONB983049 OCY983045:ODF983049 NTC983045:NTJ983049 NJG983045:NJN983049 MZK983045:MZR983049 MPO983045:MPV983049 MFS983045:MFZ983049 LVW983045:LWD983049 LMA983045:LMH983049 LCE983045:LCL983049 KSI983045:KSP983049 KIM983045:KIT983049 JYQ983045:JYX983049 JOU983045:JPB983049 JEY983045:JFF983049 IVC983045:IVJ983049 ILG983045:ILN983049 IBK983045:IBR983049 HRO983045:HRV983049 HHS983045:HHZ983049 GXW983045:GYD983049 GOA983045:GOH983049 GEE983045:GEL983049 FUI983045:FUP983049 FKM983045:FKT983049 FAQ983045:FAX983049 EQU983045:ERB983049 EGY983045:EHF983049 DXC983045:DXJ983049 DNG983045:DNN983049 DDK983045:DDR983049 CTO983045:CTV983049 CJS983045:CJZ983049 BZW983045:CAD983049 BQA983045:BQH983049 BGE983045:BGL983049 AWI983045:AWP983049 AMM983045:AMT983049 ACQ983045:ACX983049 SU983045:TB983049 IY983045:JF983049 Q917509:V917511 WVK917509:WVR917513 WLO917509:WLV917513 WBS917509:WBZ917513 VRW917509:VSD917513 VIA917509:VIH917513 UYE917509:UYL917513 UOI917509:UOP917513 UEM917509:UET917513 TUQ917509:TUX917513 TKU917509:TLB917513 TAY917509:TBF917513 SRC917509:SRJ917513 SHG917509:SHN917513 RXK917509:RXR917513 RNO917509:RNV917513 RDS917509:RDZ917513 QTW917509:QUD917513 QKA917509:QKH917513 QAE917509:QAL917513 PQI917509:PQP917513 PGM917509:PGT917513 OWQ917509:OWX917513 OMU917509:ONB917513 OCY917509:ODF917513 NTC917509:NTJ917513 NJG917509:NJN917513 MZK917509:MZR917513 MPO917509:MPV917513 MFS917509:MFZ917513 LVW917509:LWD917513 LMA917509:LMH917513 LCE917509:LCL917513 KSI917509:KSP917513 KIM917509:KIT917513 JYQ917509:JYX917513 JOU917509:JPB917513 JEY917509:JFF917513 IVC917509:IVJ917513 ILG917509:ILN917513 IBK917509:IBR917513 HRO917509:HRV917513 HHS917509:HHZ917513 GXW917509:GYD917513 GOA917509:GOH917513 GEE917509:GEL917513 FUI917509:FUP917513 FKM917509:FKT917513 FAQ917509:FAX917513 EQU917509:ERB917513 EGY917509:EHF917513 DXC917509:DXJ917513 DNG917509:DNN917513 DDK917509:DDR917513 CTO917509:CTV917513 CJS917509:CJZ917513 BZW917509:CAD917513 BQA917509:BQH917513 BGE917509:BGL917513 AWI917509:AWP917513 AMM917509:AMT917513 ACQ917509:ACX917513 SU917509:TB917513 IY917509:JF917513 WVK851973:WVR851977 WLO851973:WLV851977 WBS851973:WBZ851977 VRW851973:VSD851977 VIA851973:VIH851977 UYE851973:UYL851977 UOI851973:UOP851977 UEM851973:UET851977 TUQ851973:TUX851977 TKU851973:TLB851977 TAY851973:TBF851977 SRC851973:SRJ851977 SHG851973:SHN851977 RXK851973:RXR851977 RNO851973:RNV851977 RDS851973:RDZ851977 QTW851973:QUD851977 QKA851973:QKH851977 QAE851973:QAL851977 PQI851973:PQP851977 PGM851973:PGT851977 OWQ851973:OWX851977 OMU851973:ONB851977 OCY851973:ODF851977 NTC851973:NTJ851977 NJG851973:NJN851977 MZK851973:MZR851977 MPO851973:MPV851977 MFS851973:MFZ851977 LVW851973:LWD851977 LMA851973:LMH851977 LCE851973:LCL851977 KSI851973:KSP851977 KIM851973:KIT851977 JYQ851973:JYX851977 JOU851973:JPB851977 JEY851973:JFF851977 IVC851973:IVJ851977 ILG851973:ILN851977 IBK851973:IBR851977 HRO851973:HRV851977 HHS851973:HHZ851977 GXW851973:GYD851977 GOA851973:GOH851977 GEE851973:GEL851977 FUI851973:FUP851977 FKM851973:FKT851977 FAQ851973:FAX851977 EQU851973:ERB851977 EGY851973:EHF851977 DXC851973:DXJ851977 DNG851973:DNN851977 DDK851973:DDR851977 CTO851973:CTV851977 CJS851973:CJZ851977 BZW851973:CAD851977 BQA851973:BQH851977 BGE851973:BGL851977 AWI851973:AWP851977 AMM851973:AMT851977 ACQ851973:ACX851977 SU851973:TB851977 IY851973:JF851977 WVK786437:WVR786441 WLO786437:WLV786441 WBS786437:WBZ786441 VRW786437:VSD786441 VIA786437:VIH786441 UYE786437:UYL786441 UOI786437:UOP786441 UEM786437:UET786441 TUQ786437:TUX786441 TKU786437:TLB786441 TAY786437:TBF786441 SRC786437:SRJ786441 SHG786437:SHN786441 RXK786437:RXR786441 RNO786437:RNV786441 RDS786437:RDZ786441 QTW786437:QUD786441 QKA786437:QKH786441 QAE786437:QAL786441 PQI786437:PQP786441 PGM786437:PGT786441 OWQ786437:OWX786441 OMU786437:ONB786441 OCY786437:ODF786441 NTC786437:NTJ786441 NJG786437:NJN786441 MZK786437:MZR786441 MPO786437:MPV786441 MFS786437:MFZ786441 LVW786437:LWD786441 LMA786437:LMH786441 LCE786437:LCL786441 KSI786437:KSP786441 KIM786437:KIT786441 JYQ786437:JYX786441 JOU786437:JPB786441 JEY786437:JFF786441 IVC786437:IVJ786441 ILG786437:ILN786441 IBK786437:IBR786441 HRO786437:HRV786441 HHS786437:HHZ786441 GXW786437:GYD786441 GOA786437:GOH786441 GEE786437:GEL786441 FUI786437:FUP786441 FKM786437:FKT786441 FAQ786437:FAX786441 EQU786437:ERB786441 EGY786437:EHF786441 DXC786437:DXJ786441 DNG786437:DNN786441 DDK786437:DDR786441 CTO786437:CTV786441 CJS786437:CJZ786441 BZW786437:CAD786441 BQA786437:BQH786441 BGE786437:BGL786441 AWI786437:AWP786441 AMM786437:AMT786441 ACQ786437:ACX786441 SU786437:TB786441 IY786437:JF786441 WVK720901:WVR720905 WLO720901:WLV720905 WBS720901:WBZ720905 VRW720901:VSD720905 VIA720901:VIH720905 UYE720901:UYL720905 UOI720901:UOP720905 UEM720901:UET720905 TUQ720901:TUX720905 TKU720901:TLB720905 TAY720901:TBF720905 SRC720901:SRJ720905 SHG720901:SHN720905 RXK720901:RXR720905 RNO720901:RNV720905 RDS720901:RDZ720905 QTW720901:QUD720905 QKA720901:QKH720905 QAE720901:QAL720905 PQI720901:PQP720905 PGM720901:PGT720905 OWQ720901:OWX720905 OMU720901:ONB720905 OCY720901:ODF720905 NTC720901:NTJ720905 NJG720901:NJN720905 MZK720901:MZR720905 MPO720901:MPV720905 MFS720901:MFZ720905 LVW720901:LWD720905 LMA720901:LMH720905 LCE720901:LCL720905 KSI720901:KSP720905 KIM720901:KIT720905 JYQ720901:JYX720905 JOU720901:JPB720905 JEY720901:JFF720905 IVC720901:IVJ720905 ILG720901:ILN720905 IBK720901:IBR720905 HRO720901:HRV720905 HHS720901:HHZ720905 GXW720901:GYD720905 GOA720901:GOH720905 GEE720901:GEL720905 FUI720901:FUP720905 FKM720901:FKT720905 FAQ720901:FAX720905 EQU720901:ERB720905 EGY720901:EHF720905 DXC720901:DXJ720905 DNG720901:DNN720905 DDK720901:DDR720905 CTO720901:CTV720905 CJS720901:CJZ720905 BZW720901:CAD720905 BQA720901:BQH720905 BGE720901:BGL720905 AWI720901:AWP720905 AMM720901:AMT720905 ACQ720901:ACX720905 SU720901:TB720905 IY720901:JF720905 WVK655365:WVR655369 WLO655365:WLV655369 WBS655365:WBZ655369 VRW655365:VSD655369 VIA655365:VIH655369 UYE655365:UYL655369 UOI655365:UOP655369 UEM655365:UET655369 TUQ655365:TUX655369 TKU655365:TLB655369 TAY655365:TBF655369 SRC655365:SRJ655369 SHG655365:SHN655369 RXK655365:RXR655369 RNO655365:RNV655369 RDS655365:RDZ655369 QTW655365:QUD655369 QKA655365:QKH655369 QAE655365:QAL655369 PQI655365:PQP655369 PGM655365:PGT655369 OWQ655365:OWX655369 OMU655365:ONB655369 OCY655365:ODF655369 NTC655365:NTJ655369 NJG655365:NJN655369 MZK655365:MZR655369 MPO655365:MPV655369 MFS655365:MFZ655369 LVW655365:LWD655369 LMA655365:LMH655369 LCE655365:LCL655369 KSI655365:KSP655369 KIM655365:KIT655369 JYQ655365:JYX655369 JOU655365:JPB655369 JEY655365:JFF655369 IVC655365:IVJ655369 ILG655365:ILN655369 IBK655365:IBR655369 HRO655365:HRV655369 HHS655365:HHZ655369 GXW655365:GYD655369 GOA655365:GOH655369 GEE655365:GEL655369 FUI655365:FUP655369 FKM655365:FKT655369 FAQ655365:FAX655369 EQU655365:ERB655369 EGY655365:EHF655369 DXC655365:DXJ655369 DNG655365:DNN655369 DDK655365:DDR655369 CTO655365:CTV655369 CJS655365:CJZ655369 BZW655365:CAD655369 BQA655365:BQH655369 BGE655365:BGL655369 AWI655365:AWP655369 AMM655365:AMT655369 ACQ655365:ACX655369 SU655365:TB655369 IY655365:JF655369 WVK589829:WVR589833 WLO589829:WLV589833 WBS589829:WBZ589833 VRW589829:VSD589833 VIA589829:VIH589833 UYE589829:UYL589833 UOI589829:UOP589833 UEM589829:UET589833 TUQ589829:TUX589833 TKU589829:TLB589833 TAY589829:TBF589833 SRC589829:SRJ589833 SHG589829:SHN589833 RXK589829:RXR589833 RNO589829:RNV589833 RDS589829:RDZ589833 QTW589829:QUD589833 QKA589829:QKH589833 QAE589829:QAL589833 PQI589829:PQP589833 PGM589829:PGT589833 OWQ589829:OWX589833 OMU589829:ONB589833 OCY589829:ODF589833 NTC589829:NTJ589833 NJG589829:NJN589833 MZK589829:MZR589833 MPO589829:MPV589833 MFS589829:MFZ589833 LVW589829:LWD589833 LMA589829:LMH589833 LCE589829:LCL589833 KSI589829:KSP589833 KIM589829:KIT589833 JYQ589829:JYX589833 JOU589829:JPB589833 JEY589829:JFF589833 IVC589829:IVJ589833 ILG589829:ILN589833 IBK589829:IBR589833 HRO589829:HRV589833 HHS589829:HHZ589833 GXW589829:GYD589833 GOA589829:GOH589833 GEE589829:GEL589833 FUI589829:FUP589833 FKM589829:FKT589833 FAQ589829:FAX589833 EQU589829:ERB589833 EGY589829:EHF589833 DXC589829:DXJ589833 DNG589829:DNN589833 DDK589829:DDR589833 CTO589829:CTV589833 CJS589829:CJZ589833 BZW589829:CAD589833 BQA589829:BQH589833 BGE589829:BGL589833 AWI589829:AWP589833 AMM589829:AMT589833 ACQ589829:ACX589833 SU589829:TB589833 IY589829:JF589833 WVK524293:WVR524297 WLO524293:WLV524297 WBS524293:WBZ524297 VRW524293:VSD524297 VIA524293:VIH524297 UYE524293:UYL524297 UOI524293:UOP524297 UEM524293:UET524297 TUQ524293:TUX524297 TKU524293:TLB524297 TAY524293:TBF524297 SRC524293:SRJ524297 SHG524293:SHN524297 RXK524293:RXR524297 RNO524293:RNV524297 RDS524293:RDZ524297 QTW524293:QUD524297 QKA524293:QKH524297 QAE524293:QAL524297 PQI524293:PQP524297 PGM524293:PGT524297 OWQ524293:OWX524297 OMU524293:ONB524297 OCY524293:ODF524297 NTC524293:NTJ524297 NJG524293:NJN524297 MZK524293:MZR524297 MPO524293:MPV524297 MFS524293:MFZ524297 LVW524293:LWD524297 LMA524293:LMH524297 LCE524293:LCL524297 KSI524293:KSP524297 KIM524293:KIT524297 JYQ524293:JYX524297 JOU524293:JPB524297 JEY524293:JFF524297 IVC524293:IVJ524297 ILG524293:ILN524297 IBK524293:IBR524297 HRO524293:HRV524297 HHS524293:HHZ524297 GXW524293:GYD524297 GOA524293:GOH524297 GEE524293:GEL524297 FUI524293:FUP524297 FKM524293:FKT524297 FAQ524293:FAX524297 EQU524293:ERB524297 EGY524293:EHF524297 DXC524293:DXJ524297 DNG524293:DNN524297 DDK524293:DDR524297 CTO524293:CTV524297 CJS524293:CJZ524297 BZW524293:CAD524297 BQA524293:BQH524297 BGE524293:BGL524297 AWI524293:AWP524297 AMM524293:AMT524297 ACQ524293:ACX524297 SU524293:TB524297 IY524293:JF524297 WVK458757:WVR458761 WLO458757:WLV458761 WBS458757:WBZ458761 VRW458757:VSD458761 VIA458757:VIH458761 UYE458757:UYL458761 UOI458757:UOP458761 UEM458757:UET458761 TUQ458757:TUX458761 TKU458757:TLB458761 TAY458757:TBF458761 SRC458757:SRJ458761 SHG458757:SHN458761 RXK458757:RXR458761 RNO458757:RNV458761 RDS458757:RDZ458761 QTW458757:QUD458761 QKA458757:QKH458761 QAE458757:QAL458761 PQI458757:PQP458761 PGM458757:PGT458761 OWQ458757:OWX458761 OMU458757:ONB458761 OCY458757:ODF458761 NTC458757:NTJ458761 NJG458757:NJN458761 MZK458757:MZR458761 MPO458757:MPV458761 MFS458757:MFZ458761 LVW458757:LWD458761 LMA458757:LMH458761 LCE458757:LCL458761 KSI458757:KSP458761 KIM458757:KIT458761 JYQ458757:JYX458761 JOU458757:JPB458761 JEY458757:JFF458761 IVC458757:IVJ458761 ILG458757:ILN458761 IBK458757:IBR458761 HRO458757:HRV458761 HHS458757:HHZ458761 GXW458757:GYD458761 GOA458757:GOH458761 GEE458757:GEL458761 FUI458757:FUP458761 FKM458757:FKT458761 FAQ458757:FAX458761 EQU458757:ERB458761 EGY458757:EHF458761 DXC458757:DXJ458761 DNG458757:DNN458761 DDK458757:DDR458761 CTO458757:CTV458761 CJS458757:CJZ458761 BZW458757:CAD458761 BQA458757:BQH458761 BGE458757:BGL458761 AWI458757:AWP458761 AMM458757:AMT458761 ACQ458757:ACX458761 SU458757:TB458761 IY458757:JF458761 WVK393221:WVR393225 WLO393221:WLV393225 WBS393221:WBZ393225 VRW393221:VSD393225 VIA393221:VIH393225 UYE393221:UYL393225 UOI393221:UOP393225 UEM393221:UET393225 TUQ393221:TUX393225 TKU393221:TLB393225 TAY393221:TBF393225 SRC393221:SRJ393225 SHG393221:SHN393225 RXK393221:RXR393225 RNO393221:RNV393225 RDS393221:RDZ393225 QTW393221:QUD393225 QKA393221:QKH393225 QAE393221:QAL393225 PQI393221:PQP393225 PGM393221:PGT393225 OWQ393221:OWX393225 OMU393221:ONB393225 OCY393221:ODF393225 NTC393221:NTJ393225 NJG393221:NJN393225 MZK393221:MZR393225 MPO393221:MPV393225 MFS393221:MFZ393225 LVW393221:LWD393225 LMA393221:LMH393225 LCE393221:LCL393225 KSI393221:KSP393225 KIM393221:KIT393225 JYQ393221:JYX393225 JOU393221:JPB393225 JEY393221:JFF393225 IVC393221:IVJ393225 ILG393221:ILN393225 IBK393221:IBR393225 HRO393221:HRV393225 HHS393221:HHZ393225 GXW393221:GYD393225 GOA393221:GOH393225 GEE393221:GEL393225 FUI393221:FUP393225 FKM393221:FKT393225 FAQ393221:FAX393225 EQU393221:ERB393225 EGY393221:EHF393225 DXC393221:DXJ393225 DNG393221:DNN393225 DDK393221:DDR393225 CTO393221:CTV393225 CJS393221:CJZ393225 BZW393221:CAD393225 BQA393221:BQH393225 BGE393221:BGL393225 AWI393221:AWP393225 AMM393221:AMT393225 ACQ393221:ACX393225 SU393221:TB393225 IY393221:JF393225 WVK327685:WVR327689 WLO327685:WLV327689 WBS327685:WBZ327689 VRW327685:VSD327689 VIA327685:VIH327689 UYE327685:UYL327689 UOI327685:UOP327689 UEM327685:UET327689 TUQ327685:TUX327689 TKU327685:TLB327689 TAY327685:TBF327689 SRC327685:SRJ327689 SHG327685:SHN327689 RXK327685:RXR327689 RNO327685:RNV327689 RDS327685:RDZ327689 QTW327685:QUD327689 QKA327685:QKH327689 QAE327685:QAL327689 PQI327685:PQP327689 PGM327685:PGT327689 OWQ327685:OWX327689 OMU327685:ONB327689 OCY327685:ODF327689 NTC327685:NTJ327689 NJG327685:NJN327689 MZK327685:MZR327689 MPO327685:MPV327689 MFS327685:MFZ327689 LVW327685:LWD327689 LMA327685:LMH327689 LCE327685:LCL327689 KSI327685:KSP327689 KIM327685:KIT327689 JYQ327685:JYX327689 JOU327685:JPB327689 JEY327685:JFF327689 IVC327685:IVJ327689 ILG327685:ILN327689 IBK327685:IBR327689 HRO327685:HRV327689 HHS327685:HHZ327689 GXW327685:GYD327689 GOA327685:GOH327689 GEE327685:GEL327689 FUI327685:FUP327689 FKM327685:FKT327689 FAQ327685:FAX327689 EQU327685:ERB327689 EGY327685:EHF327689 DXC327685:DXJ327689 DNG327685:DNN327689 DDK327685:DDR327689 CTO327685:CTV327689 CJS327685:CJZ327689 BZW327685:CAD327689 BQA327685:BQH327689 BGE327685:BGL327689 AWI327685:AWP327689 AMM327685:AMT327689 ACQ327685:ACX327689 SU327685:TB327689 IY327685:JF327689 WVK262149:WVR262153 WLO262149:WLV262153 WBS262149:WBZ262153 VRW262149:VSD262153 VIA262149:VIH262153 UYE262149:UYL262153 UOI262149:UOP262153 UEM262149:UET262153 TUQ262149:TUX262153 TKU262149:TLB262153 TAY262149:TBF262153 SRC262149:SRJ262153 SHG262149:SHN262153 RXK262149:RXR262153 RNO262149:RNV262153 RDS262149:RDZ262153 QTW262149:QUD262153 QKA262149:QKH262153 QAE262149:QAL262153 PQI262149:PQP262153 PGM262149:PGT262153 OWQ262149:OWX262153 OMU262149:ONB262153 OCY262149:ODF262153 NTC262149:NTJ262153 NJG262149:NJN262153 MZK262149:MZR262153 MPO262149:MPV262153 MFS262149:MFZ262153 LVW262149:LWD262153 LMA262149:LMH262153 LCE262149:LCL262153 KSI262149:KSP262153 KIM262149:KIT262153 JYQ262149:JYX262153 JOU262149:JPB262153 JEY262149:JFF262153 IVC262149:IVJ262153 ILG262149:ILN262153 IBK262149:IBR262153 HRO262149:HRV262153 HHS262149:HHZ262153 GXW262149:GYD262153 GOA262149:GOH262153 GEE262149:GEL262153 FUI262149:FUP262153 FKM262149:FKT262153 FAQ262149:FAX262153 EQU262149:ERB262153 EGY262149:EHF262153 DXC262149:DXJ262153 DNG262149:DNN262153 DDK262149:DDR262153 CTO262149:CTV262153 CJS262149:CJZ262153 BZW262149:CAD262153 BQA262149:BQH262153 BGE262149:BGL262153 AWI262149:AWP262153 AMM262149:AMT262153 ACQ262149:ACX262153 SU262149:TB262153 IY262149:JF262153 WVK196613:WVR196617 WLO196613:WLV196617 WBS196613:WBZ196617 VRW196613:VSD196617 VIA196613:VIH196617 UYE196613:UYL196617 UOI196613:UOP196617 UEM196613:UET196617 TUQ196613:TUX196617 TKU196613:TLB196617 TAY196613:TBF196617 SRC196613:SRJ196617 SHG196613:SHN196617 RXK196613:RXR196617 RNO196613:RNV196617 RDS196613:RDZ196617 QTW196613:QUD196617 QKA196613:QKH196617 QAE196613:QAL196617 PQI196613:PQP196617 PGM196613:PGT196617 OWQ196613:OWX196617 OMU196613:ONB196617 OCY196613:ODF196617 NTC196613:NTJ196617 NJG196613:NJN196617 MZK196613:MZR196617 MPO196613:MPV196617 MFS196613:MFZ196617 LVW196613:LWD196617 LMA196613:LMH196617 LCE196613:LCL196617 KSI196613:KSP196617 KIM196613:KIT196617 JYQ196613:JYX196617 JOU196613:JPB196617 JEY196613:JFF196617 IVC196613:IVJ196617 ILG196613:ILN196617 IBK196613:IBR196617 HRO196613:HRV196617 HHS196613:HHZ196617 GXW196613:GYD196617 GOA196613:GOH196617 GEE196613:GEL196617 FUI196613:FUP196617 FKM196613:FKT196617 FAQ196613:FAX196617 EQU196613:ERB196617 EGY196613:EHF196617 DXC196613:DXJ196617 DNG196613:DNN196617 DDK196613:DDR196617 CTO196613:CTV196617 CJS196613:CJZ196617 BZW196613:CAD196617 BQA196613:BQH196617 BGE196613:BGL196617 AWI196613:AWP196617 AMM196613:AMT196617 ACQ196613:ACX196617 SU196613:TB196617 IY196613:JF196617 WVK131077:WVR131081 WLO131077:WLV131081 WBS131077:WBZ131081 VRW131077:VSD131081 VIA131077:VIH131081 UYE131077:UYL131081 UOI131077:UOP131081 UEM131077:UET131081 TUQ131077:TUX131081 TKU131077:TLB131081 TAY131077:TBF131081 SRC131077:SRJ131081 SHG131077:SHN131081 RXK131077:RXR131081 RNO131077:RNV131081 RDS131077:RDZ131081 QTW131077:QUD131081 QKA131077:QKH131081 QAE131077:QAL131081 PQI131077:PQP131081 PGM131077:PGT131081 OWQ131077:OWX131081 OMU131077:ONB131081 OCY131077:ODF131081 NTC131077:NTJ131081 NJG131077:NJN131081 MZK131077:MZR131081 MPO131077:MPV131081 MFS131077:MFZ131081 LVW131077:LWD131081 LMA131077:LMH131081 LCE131077:LCL131081 KSI131077:KSP131081 KIM131077:KIT131081 JYQ131077:JYX131081 JOU131077:JPB131081 JEY131077:JFF131081 IVC131077:IVJ131081 ILG131077:ILN131081 IBK131077:IBR131081 HRO131077:HRV131081 HHS131077:HHZ131081 GXW131077:GYD131081 GOA131077:GOH131081 GEE131077:GEL131081 FUI131077:FUP131081 FKM131077:FKT131081 FAQ131077:FAX131081 EQU131077:ERB131081 EGY131077:EHF131081 DXC131077:DXJ131081 DNG131077:DNN131081 DDK131077:DDR131081 CTO131077:CTV131081 CJS131077:CJZ131081 BZW131077:CAD131081 BQA131077:BQH131081 BGE131077:BGL131081 AWI131077:AWP131081 AMM131077:AMT131081 ACQ131077:ACX131081 SU131077:TB131081 IY131077:JF131081 WVK65541:WVR65545 WLO65541:WLV65545 WBS65541:WBZ65545 VRW65541:VSD65545 VIA65541:VIH65545 UYE65541:UYL65545 UOI65541:UOP65545 UEM65541:UET65545 TUQ65541:TUX65545 TKU65541:TLB65545 TAY65541:TBF65545 SRC65541:SRJ65545 SHG65541:SHN65545 RXK65541:RXR65545 RNO65541:RNV65545 RDS65541:RDZ65545 QTW65541:QUD65545 QKA65541:QKH65545 QAE65541:QAL65545 PQI65541:PQP65545 PGM65541:PGT65545 OWQ65541:OWX65545 OMU65541:ONB65545 OCY65541:ODF65545 NTC65541:NTJ65545 NJG65541:NJN65545 MZK65541:MZR65545 MPO65541:MPV65545 MFS65541:MFZ65545 LVW65541:LWD65545 LMA65541:LMH65545 LCE65541:LCL65545 KSI65541:KSP65545 KIM65541:KIT65545 JYQ65541:JYX65545 JOU65541:JPB65545 JEY65541:JFF65545 IVC65541:IVJ65545 ILG65541:ILN65545 IBK65541:IBR65545 HRO65541:HRV65545 HHS65541:HHZ65545 GXW65541:GYD65545 GOA65541:GOH65545 GEE65541:GEL65545 FUI65541:FUP65545 FKM65541:FKT65545 FAQ65541:FAX65545 EQU65541:ERB65545 EGY65541:EHF65545 DXC65541:DXJ65545 DNG65541:DNN65545 DDK65541:DDR65545 CTO65541:CTV65545 CJS65541:CJZ65545 BZW65541:CAD65545 BQA65541:BQH65545 BGE65541:BGL65545 AWI65541:AWP65545 AMM65541:AMT65545 ACQ65541:ACX65545 SU65541:TB65545 IY65541:JF65545 WVK5:WVR9 WLO5:WLV9 WBS5:WBZ9 VRW5:VSD9 VIA5:VIH9 UYE5:UYL9 UOI5:UOP9 UEM5:UET9 TUQ5:TUX9 TKU5:TLB9 TAY5:TBF9 SRC5:SRJ9 SHG5:SHN9 RXK5:RXR9 RNO5:RNV9 RDS5:RDZ9 QTW5:QUD9 QKA5:QKH9 QAE5:QAL9 PQI5:PQP9 PGM5:PGT9 OWQ5:OWX9 OMU5:ONB9 OCY5:ODF9 NTC5:NTJ9 NJG5:NJN9 MZK5:MZR9 MPO5:MPV9 MFS5:MFZ9 LVW5:LWD9 LMA5:LMH9 LCE5:LCL9 KSI5:KSP9 KIM5:KIT9 JYQ5:JYX9 JOU5:JPB9 JEY5:JFF9 IVC5:IVJ9 ILG5:ILN9 IBK5:IBR9 HRO5:HRV9 HHS5:HHZ9 GXW5:GYD9 GOA5:GOH9 GEE5:GEL9 FUI5:FUP9 FKM5:FKT9 FAQ5:FAX9 EQU5:ERB9 EGY5:EHF9 DXC5:DXJ9 DNG5:DNN9 DDK5:DDR9 CTO5:CTV9 CJS5:CJZ9 BZW5:CAD9 BQA5:BQH9 BGE5:BGL9 AWI5:AWP9 AMM5:AMT9 ACQ5:ACX9 SU5:TB9 IY5:JF9 WVS983045:WWD983047 WLW983045:WMH983047 WCA983045:WCL983047 VSE983045:VSP983047 VII983045:VIT983047 UYM983045:UYX983047 UOQ983045:UPB983047 UEU983045:UFF983047 TUY983045:TVJ983047 TLC983045:TLN983047 TBG983045:TBR983047 SRK983045:SRV983047 SHO983045:SHZ983047 RXS983045:RYD983047 RNW983045:ROH983047 REA983045:REL983047 QUE983045:QUP983047 QKI983045:QKT983047 QAM983045:QAX983047 PQQ983045:PRB983047 PGU983045:PHF983047 OWY983045:OXJ983047 ONC983045:ONN983047 ODG983045:ODR983047 NTK983045:NTV983047 NJO983045:NJZ983047 MZS983045:NAD983047 MPW983045:MQH983047 MGA983045:MGL983047 LWE983045:LWP983047 LMI983045:LMT983047 LCM983045:LCX983047 KSQ983045:KTB983047 KIU983045:KJF983047 JYY983045:JZJ983047 JPC983045:JPN983047 JFG983045:JFR983047 IVK983045:IVV983047 ILO983045:ILZ983047 IBS983045:ICD983047 HRW983045:HSH983047 HIA983045:HIL983047 GYE983045:GYP983047 GOI983045:GOT983047 GEM983045:GEX983047 FUQ983045:FVB983047 FKU983045:FLF983047 FAY983045:FBJ983047 ERC983045:ERN983047 EHG983045:EHR983047 DXK983045:DXV983047 DNO983045:DNZ983047 DDS983045:DED983047 CTW983045:CUH983047 CKA983045:CKL983047 CAE983045:CAP983047 BQI983045:BQT983047 BGM983045:BGX983047 AWQ983045:AXB983047 AMU983045:ANF983047 ACY983045:ADJ983047 TC983045:TN983047 JG983045:JR983047 WVK983045:WVR983049 WVS917509:WWD917511 WLW917509:WMH917511 WCA917509:WCL917511 VSE917509:VSP917511 VII917509:VIT917511 UYM917509:UYX917511 UOQ917509:UPB917511 UEU917509:UFF917511 TUY917509:TVJ917511 TLC917509:TLN917511 TBG917509:TBR917511 SRK917509:SRV917511 SHO917509:SHZ917511 RXS917509:RYD917511 RNW917509:ROH917511 REA917509:REL917511 QUE917509:QUP917511 QKI917509:QKT917511 QAM917509:QAX917511 PQQ917509:PRB917511 PGU917509:PHF917511 OWY917509:OXJ917511 ONC917509:ONN917511 ODG917509:ODR917511 NTK917509:NTV917511 NJO917509:NJZ917511 MZS917509:NAD917511 MPW917509:MQH917511 MGA917509:MGL917511 LWE917509:LWP917511 LMI917509:LMT917511 LCM917509:LCX917511 KSQ917509:KTB917511 KIU917509:KJF917511 JYY917509:JZJ917511 JPC917509:JPN917511 JFG917509:JFR917511 IVK917509:IVV917511 ILO917509:ILZ917511 IBS917509:ICD917511 HRW917509:HSH917511 HIA917509:HIL917511 GYE917509:GYP917511 GOI917509:GOT917511 GEM917509:GEX917511 FUQ917509:FVB917511 FKU917509:FLF917511 FAY917509:FBJ917511 ERC917509:ERN917511 EHG917509:EHR917511 DXK917509:DXV917511 DNO917509:DNZ917511 DDS917509:DED917511 CTW917509:CUH917511 CKA917509:CKL917511 CAE917509:CAP917511 BQI917509:BQT917511 BGM917509:BGX917511 AWQ917509:AXB917511 AMU917509:ANF917511 ACY917509:ADJ917511 TC917509:TN917511 JG917509:JR917511 WVS851973:WWD851975 WLW851973:WMH851975 WCA851973:WCL851975 VSE851973:VSP851975 VII851973:VIT851975 UYM851973:UYX851975 UOQ851973:UPB851975 UEU851973:UFF851975 TUY851973:TVJ851975 TLC851973:TLN851975 TBG851973:TBR851975 SRK851973:SRV851975 SHO851973:SHZ851975 RXS851973:RYD851975 RNW851973:ROH851975 REA851973:REL851975 QUE851973:QUP851975 QKI851973:QKT851975 QAM851973:QAX851975 PQQ851973:PRB851975 PGU851973:PHF851975 OWY851973:OXJ851975 ONC851973:ONN851975 ODG851973:ODR851975 NTK851973:NTV851975 NJO851973:NJZ851975 MZS851973:NAD851975 MPW851973:MQH851975 MGA851973:MGL851975 LWE851973:LWP851975 LMI851973:LMT851975 LCM851973:LCX851975 KSQ851973:KTB851975 KIU851973:KJF851975 JYY851973:JZJ851975 JPC851973:JPN851975 JFG851973:JFR851975 IVK851973:IVV851975 ILO851973:ILZ851975 IBS851973:ICD851975 HRW851973:HSH851975 HIA851973:HIL851975 GYE851973:GYP851975 GOI851973:GOT851975 GEM851973:GEX851975 FUQ851973:FVB851975 FKU851973:FLF851975 FAY851973:FBJ851975 ERC851973:ERN851975 EHG851973:EHR851975 DXK851973:DXV851975 DNO851973:DNZ851975 DDS851973:DED851975 CTW851973:CUH851975 CKA851973:CKL851975 CAE851973:CAP851975 BQI851973:BQT851975 BGM851973:BGX851975 AWQ851973:AXB851975 AMU851973:ANF851975 ACY851973:ADJ851975 TC851973:TN851975 JG851973:JR851975 WVS786437:WWD786439 WLW786437:WMH786439 WCA786437:WCL786439 VSE786437:VSP786439 VII786437:VIT786439 UYM786437:UYX786439 UOQ786437:UPB786439 UEU786437:UFF786439 TUY786437:TVJ786439 TLC786437:TLN786439 TBG786437:TBR786439 SRK786437:SRV786439 SHO786437:SHZ786439 RXS786437:RYD786439 RNW786437:ROH786439 REA786437:REL786439 QUE786437:QUP786439 QKI786437:QKT786439 QAM786437:QAX786439 PQQ786437:PRB786439 PGU786437:PHF786439 OWY786437:OXJ786439 ONC786437:ONN786439 ODG786437:ODR786439 NTK786437:NTV786439 NJO786437:NJZ786439 MZS786437:NAD786439 MPW786437:MQH786439 MGA786437:MGL786439 LWE786437:LWP786439 LMI786437:LMT786439 LCM786437:LCX786439 KSQ786437:KTB786439 KIU786437:KJF786439 JYY786437:JZJ786439 JPC786437:JPN786439 JFG786437:JFR786439 IVK786437:IVV786439 ILO786437:ILZ786439 IBS786437:ICD786439 HRW786437:HSH786439 HIA786437:HIL786439 GYE786437:GYP786439 GOI786437:GOT786439 GEM786437:GEX786439 FUQ786437:FVB786439 FKU786437:FLF786439 FAY786437:FBJ786439 ERC786437:ERN786439 EHG786437:EHR786439 DXK786437:DXV786439 DNO786437:DNZ786439 DDS786437:DED786439 CTW786437:CUH786439 CKA786437:CKL786439 CAE786437:CAP786439 BQI786437:BQT786439 BGM786437:BGX786439 AWQ786437:AXB786439 AMU786437:ANF786439 ACY786437:ADJ786439 TC786437:TN786439 JG786437:JR786439 WVS720901:WWD720903 WLW720901:WMH720903 WCA720901:WCL720903 VSE720901:VSP720903 VII720901:VIT720903 UYM720901:UYX720903 UOQ720901:UPB720903 UEU720901:UFF720903 TUY720901:TVJ720903 TLC720901:TLN720903 TBG720901:TBR720903 SRK720901:SRV720903 SHO720901:SHZ720903 RXS720901:RYD720903 RNW720901:ROH720903 REA720901:REL720903 QUE720901:QUP720903 QKI720901:QKT720903 QAM720901:QAX720903 PQQ720901:PRB720903 PGU720901:PHF720903 OWY720901:OXJ720903 ONC720901:ONN720903 ODG720901:ODR720903 NTK720901:NTV720903 NJO720901:NJZ720903 MZS720901:NAD720903 MPW720901:MQH720903 MGA720901:MGL720903 LWE720901:LWP720903 LMI720901:LMT720903 LCM720901:LCX720903 KSQ720901:KTB720903 KIU720901:KJF720903 JYY720901:JZJ720903 JPC720901:JPN720903 JFG720901:JFR720903 IVK720901:IVV720903 ILO720901:ILZ720903 IBS720901:ICD720903 HRW720901:HSH720903 HIA720901:HIL720903 GYE720901:GYP720903 GOI720901:GOT720903 GEM720901:GEX720903 FUQ720901:FVB720903 FKU720901:FLF720903 FAY720901:FBJ720903 ERC720901:ERN720903 EHG720901:EHR720903 DXK720901:DXV720903 DNO720901:DNZ720903 DDS720901:DED720903 CTW720901:CUH720903 CKA720901:CKL720903 CAE720901:CAP720903 BQI720901:BQT720903 BGM720901:BGX720903 AWQ720901:AXB720903 AMU720901:ANF720903 ACY720901:ADJ720903 TC720901:TN720903 JG720901:JR720903 WVS655365:WWD655367 WLW655365:WMH655367 WCA655365:WCL655367 VSE655365:VSP655367 VII655365:VIT655367 UYM655365:UYX655367 UOQ655365:UPB655367 UEU655365:UFF655367 TUY655365:TVJ655367 TLC655365:TLN655367 TBG655365:TBR655367 SRK655365:SRV655367 SHO655365:SHZ655367 RXS655365:RYD655367 RNW655365:ROH655367 REA655365:REL655367 QUE655365:QUP655367 QKI655365:QKT655367 QAM655365:QAX655367 PQQ655365:PRB655367 PGU655365:PHF655367 OWY655365:OXJ655367 ONC655365:ONN655367 ODG655365:ODR655367 NTK655365:NTV655367 NJO655365:NJZ655367 MZS655365:NAD655367 MPW655365:MQH655367 MGA655365:MGL655367 LWE655365:LWP655367 LMI655365:LMT655367 LCM655365:LCX655367 KSQ655365:KTB655367 KIU655365:KJF655367 JYY655365:JZJ655367 JPC655365:JPN655367 JFG655365:JFR655367 IVK655365:IVV655367 ILO655365:ILZ655367 IBS655365:ICD655367 HRW655365:HSH655367 HIA655365:HIL655367 GYE655365:GYP655367 GOI655365:GOT655367 GEM655365:GEX655367 FUQ655365:FVB655367 FKU655365:FLF655367 FAY655365:FBJ655367 ERC655365:ERN655367 EHG655365:EHR655367 DXK655365:DXV655367 DNO655365:DNZ655367 DDS655365:DED655367 CTW655365:CUH655367 CKA655365:CKL655367 CAE655365:CAP655367 BQI655365:BQT655367 BGM655365:BGX655367 AWQ655365:AXB655367 AMU655365:ANF655367 ACY655365:ADJ655367 TC655365:TN655367 JG655365:JR655367 WVS589829:WWD589831 WLW589829:WMH589831 WCA589829:WCL589831 VSE589829:VSP589831 VII589829:VIT589831 UYM589829:UYX589831 UOQ589829:UPB589831 UEU589829:UFF589831 TUY589829:TVJ589831 TLC589829:TLN589831 TBG589829:TBR589831 SRK589829:SRV589831 SHO589829:SHZ589831 RXS589829:RYD589831 RNW589829:ROH589831 REA589829:REL589831 QUE589829:QUP589831 QKI589829:QKT589831 QAM589829:QAX589831 PQQ589829:PRB589831 PGU589829:PHF589831 OWY589829:OXJ589831 ONC589829:ONN589831 ODG589829:ODR589831 NTK589829:NTV589831 NJO589829:NJZ589831 MZS589829:NAD589831 MPW589829:MQH589831 MGA589829:MGL589831 LWE589829:LWP589831 LMI589829:LMT589831 LCM589829:LCX589831 KSQ589829:KTB589831 KIU589829:KJF589831 JYY589829:JZJ589831 JPC589829:JPN589831 JFG589829:JFR589831 IVK589829:IVV589831 ILO589829:ILZ589831 IBS589829:ICD589831 HRW589829:HSH589831 HIA589829:HIL589831 GYE589829:GYP589831 GOI589829:GOT589831 GEM589829:GEX589831 FUQ589829:FVB589831 FKU589829:FLF589831 FAY589829:FBJ589831 ERC589829:ERN589831 EHG589829:EHR589831 DXK589829:DXV589831 DNO589829:DNZ589831 DDS589829:DED589831 CTW589829:CUH589831 CKA589829:CKL589831 CAE589829:CAP589831 BQI589829:BQT589831 BGM589829:BGX589831 AWQ589829:AXB589831 AMU589829:ANF589831 ACY589829:ADJ589831 TC589829:TN589831 JG589829:JR589831 WVS524293:WWD524295 WLW524293:WMH524295 WCA524293:WCL524295 VSE524293:VSP524295 VII524293:VIT524295 UYM524293:UYX524295 UOQ524293:UPB524295 UEU524293:UFF524295 TUY524293:TVJ524295 TLC524293:TLN524295 TBG524293:TBR524295 SRK524293:SRV524295 SHO524293:SHZ524295 RXS524293:RYD524295 RNW524293:ROH524295 REA524293:REL524295 QUE524293:QUP524295 QKI524293:QKT524295 QAM524293:QAX524295 PQQ524293:PRB524295 PGU524293:PHF524295 OWY524293:OXJ524295 ONC524293:ONN524295 ODG524293:ODR524295 NTK524293:NTV524295 NJO524293:NJZ524295 MZS524293:NAD524295 MPW524293:MQH524295 MGA524293:MGL524295 LWE524293:LWP524295 LMI524293:LMT524295 LCM524293:LCX524295 KSQ524293:KTB524295 KIU524293:KJF524295 JYY524293:JZJ524295 JPC524293:JPN524295 JFG524293:JFR524295 IVK524293:IVV524295 ILO524293:ILZ524295 IBS524293:ICD524295 HRW524293:HSH524295 HIA524293:HIL524295 GYE524293:GYP524295 GOI524293:GOT524295 GEM524293:GEX524295 FUQ524293:FVB524295 FKU524293:FLF524295 FAY524293:FBJ524295 ERC524293:ERN524295 EHG524293:EHR524295 DXK524293:DXV524295 DNO524293:DNZ524295 DDS524293:DED524295 CTW524293:CUH524295 CKA524293:CKL524295 CAE524293:CAP524295 BQI524293:BQT524295 BGM524293:BGX524295 AWQ524293:AXB524295 AMU524293:ANF524295 ACY524293:ADJ524295 TC524293:TN524295 JG524293:JR524295 WVS458757:WWD458759 WLW458757:WMH458759 WCA458757:WCL458759 VSE458757:VSP458759 VII458757:VIT458759 UYM458757:UYX458759 UOQ458757:UPB458759 UEU458757:UFF458759 TUY458757:TVJ458759 TLC458757:TLN458759 TBG458757:TBR458759 SRK458757:SRV458759 SHO458757:SHZ458759 RXS458757:RYD458759 RNW458757:ROH458759 REA458757:REL458759 QUE458757:QUP458759 QKI458757:QKT458759 QAM458757:QAX458759 PQQ458757:PRB458759 PGU458757:PHF458759 OWY458757:OXJ458759 ONC458757:ONN458759 ODG458757:ODR458759 NTK458757:NTV458759 NJO458757:NJZ458759 MZS458757:NAD458759 MPW458757:MQH458759 MGA458757:MGL458759 LWE458757:LWP458759 LMI458757:LMT458759 LCM458757:LCX458759 KSQ458757:KTB458759 KIU458757:KJF458759 JYY458757:JZJ458759 JPC458757:JPN458759 JFG458757:JFR458759 IVK458757:IVV458759 ILO458757:ILZ458759 IBS458757:ICD458759 HRW458757:HSH458759 HIA458757:HIL458759 GYE458757:GYP458759 GOI458757:GOT458759 GEM458757:GEX458759 FUQ458757:FVB458759 FKU458757:FLF458759 FAY458757:FBJ458759 ERC458757:ERN458759 EHG458757:EHR458759 DXK458757:DXV458759 DNO458757:DNZ458759 DDS458757:DED458759 CTW458757:CUH458759 CKA458757:CKL458759 CAE458757:CAP458759 BQI458757:BQT458759 BGM458757:BGX458759 AWQ458757:AXB458759 AMU458757:ANF458759 ACY458757:ADJ458759 TC458757:TN458759 JG458757:JR458759 WVS393221:WWD393223 WLW393221:WMH393223 WCA393221:WCL393223 VSE393221:VSP393223 VII393221:VIT393223 UYM393221:UYX393223 UOQ393221:UPB393223 UEU393221:UFF393223 TUY393221:TVJ393223 TLC393221:TLN393223 TBG393221:TBR393223 SRK393221:SRV393223 SHO393221:SHZ393223 RXS393221:RYD393223 RNW393221:ROH393223 REA393221:REL393223 QUE393221:QUP393223 QKI393221:QKT393223 QAM393221:QAX393223 PQQ393221:PRB393223 PGU393221:PHF393223 OWY393221:OXJ393223 ONC393221:ONN393223 ODG393221:ODR393223 NTK393221:NTV393223 NJO393221:NJZ393223 MZS393221:NAD393223 MPW393221:MQH393223 MGA393221:MGL393223 LWE393221:LWP393223 LMI393221:LMT393223 LCM393221:LCX393223 KSQ393221:KTB393223 KIU393221:KJF393223 JYY393221:JZJ393223 JPC393221:JPN393223 JFG393221:JFR393223 IVK393221:IVV393223 ILO393221:ILZ393223 IBS393221:ICD393223 HRW393221:HSH393223 HIA393221:HIL393223 GYE393221:GYP393223 GOI393221:GOT393223 GEM393221:GEX393223 FUQ393221:FVB393223 FKU393221:FLF393223 FAY393221:FBJ393223 ERC393221:ERN393223 EHG393221:EHR393223 DXK393221:DXV393223 DNO393221:DNZ393223 DDS393221:DED393223 CTW393221:CUH393223 CKA393221:CKL393223 CAE393221:CAP393223 BQI393221:BQT393223 BGM393221:BGX393223 AWQ393221:AXB393223 AMU393221:ANF393223 ACY393221:ADJ393223 TC393221:TN393223 JG393221:JR393223 WVS327685:WWD327687 WLW327685:WMH327687 WCA327685:WCL327687 VSE327685:VSP327687 VII327685:VIT327687 UYM327685:UYX327687 UOQ327685:UPB327687 UEU327685:UFF327687 TUY327685:TVJ327687 TLC327685:TLN327687 TBG327685:TBR327687 SRK327685:SRV327687 SHO327685:SHZ327687 RXS327685:RYD327687 RNW327685:ROH327687 REA327685:REL327687 QUE327685:QUP327687 QKI327685:QKT327687 QAM327685:QAX327687 PQQ327685:PRB327687 PGU327685:PHF327687 OWY327685:OXJ327687 ONC327685:ONN327687 ODG327685:ODR327687 NTK327685:NTV327687 NJO327685:NJZ327687 MZS327685:NAD327687 MPW327685:MQH327687 MGA327685:MGL327687 LWE327685:LWP327687 LMI327685:LMT327687 LCM327685:LCX327687 KSQ327685:KTB327687 KIU327685:KJF327687 JYY327685:JZJ327687 JPC327685:JPN327687 JFG327685:JFR327687 IVK327685:IVV327687 ILO327685:ILZ327687 IBS327685:ICD327687 HRW327685:HSH327687 HIA327685:HIL327687 GYE327685:GYP327687 GOI327685:GOT327687 GEM327685:GEX327687 FUQ327685:FVB327687 FKU327685:FLF327687 FAY327685:FBJ327687 ERC327685:ERN327687 EHG327685:EHR327687 DXK327685:DXV327687 DNO327685:DNZ327687 DDS327685:DED327687 CTW327685:CUH327687 CKA327685:CKL327687 CAE327685:CAP327687 BQI327685:BQT327687 BGM327685:BGX327687 AWQ327685:AXB327687 AMU327685:ANF327687 ACY327685:ADJ327687 TC327685:TN327687 JG327685:JR327687 WVS262149:WWD262151 WLW262149:WMH262151 WCA262149:WCL262151 VSE262149:VSP262151 VII262149:VIT262151 UYM262149:UYX262151 UOQ262149:UPB262151 UEU262149:UFF262151 TUY262149:TVJ262151 TLC262149:TLN262151 TBG262149:TBR262151 SRK262149:SRV262151 SHO262149:SHZ262151 RXS262149:RYD262151 RNW262149:ROH262151 REA262149:REL262151 QUE262149:QUP262151 QKI262149:QKT262151 QAM262149:QAX262151 PQQ262149:PRB262151 PGU262149:PHF262151 OWY262149:OXJ262151 ONC262149:ONN262151 ODG262149:ODR262151 NTK262149:NTV262151 NJO262149:NJZ262151 MZS262149:NAD262151 MPW262149:MQH262151 MGA262149:MGL262151 LWE262149:LWP262151 LMI262149:LMT262151 LCM262149:LCX262151 KSQ262149:KTB262151 KIU262149:KJF262151 JYY262149:JZJ262151 JPC262149:JPN262151 JFG262149:JFR262151 IVK262149:IVV262151 ILO262149:ILZ262151 IBS262149:ICD262151 HRW262149:HSH262151 HIA262149:HIL262151 GYE262149:GYP262151 GOI262149:GOT262151 GEM262149:GEX262151 FUQ262149:FVB262151 FKU262149:FLF262151 FAY262149:FBJ262151 ERC262149:ERN262151 EHG262149:EHR262151 DXK262149:DXV262151 DNO262149:DNZ262151 DDS262149:DED262151 CTW262149:CUH262151 CKA262149:CKL262151 CAE262149:CAP262151 BQI262149:BQT262151 BGM262149:BGX262151 AWQ262149:AXB262151 AMU262149:ANF262151 ACY262149:ADJ262151 TC262149:TN262151 JG262149:JR262151 WVS196613:WWD196615 WLW196613:WMH196615 WCA196613:WCL196615 VSE196613:VSP196615 VII196613:VIT196615 UYM196613:UYX196615 UOQ196613:UPB196615 UEU196613:UFF196615 TUY196613:TVJ196615 TLC196613:TLN196615 TBG196613:TBR196615 SRK196613:SRV196615 SHO196613:SHZ196615 RXS196613:RYD196615 RNW196613:ROH196615 REA196613:REL196615 QUE196613:QUP196615 QKI196613:QKT196615 QAM196613:QAX196615 PQQ196613:PRB196615 PGU196613:PHF196615 OWY196613:OXJ196615 ONC196613:ONN196615 ODG196613:ODR196615 NTK196613:NTV196615 NJO196613:NJZ196615 MZS196613:NAD196615 MPW196613:MQH196615 MGA196613:MGL196615 LWE196613:LWP196615 LMI196613:LMT196615 LCM196613:LCX196615 KSQ196613:KTB196615 KIU196613:KJF196615 JYY196613:JZJ196615 JPC196613:JPN196615 JFG196613:JFR196615 IVK196613:IVV196615 ILO196613:ILZ196615 IBS196613:ICD196615 HRW196613:HSH196615 HIA196613:HIL196615 GYE196613:GYP196615 GOI196613:GOT196615 GEM196613:GEX196615 FUQ196613:FVB196615 FKU196613:FLF196615 FAY196613:FBJ196615 ERC196613:ERN196615 EHG196613:EHR196615 DXK196613:DXV196615 DNO196613:DNZ196615 DDS196613:DED196615 CTW196613:CUH196615 CKA196613:CKL196615 CAE196613:CAP196615 BQI196613:BQT196615 BGM196613:BGX196615 AWQ196613:AXB196615 AMU196613:ANF196615 ACY196613:ADJ196615 TC196613:TN196615 JG196613:JR196615 WVS131077:WWD131079 WLW131077:WMH131079 WCA131077:WCL131079 VSE131077:VSP131079 VII131077:VIT131079 UYM131077:UYX131079 UOQ131077:UPB131079 UEU131077:UFF131079 TUY131077:TVJ131079 TLC131077:TLN131079 TBG131077:TBR131079 SRK131077:SRV131079 SHO131077:SHZ131079 RXS131077:RYD131079 RNW131077:ROH131079 REA131077:REL131079 QUE131077:QUP131079 QKI131077:QKT131079 QAM131077:QAX131079 PQQ131077:PRB131079 PGU131077:PHF131079 OWY131077:OXJ131079 ONC131077:ONN131079 ODG131077:ODR131079 NTK131077:NTV131079 NJO131077:NJZ131079 MZS131077:NAD131079 MPW131077:MQH131079 MGA131077:MGL131079 LWE131077:LWP131079 LMI131077:LMT131079 LCM131077:LCX131079 KSQ131077:KTB131079 KIU131077:KJF131079 JYY131077:JZJ131079 JPC131077:JPN131079 JFG131077:JFR131079 IVK131077:IVV131079 ILO131077:ILZ131079 IBS131077:ICD131079 HRW131077:HSH131079 HIA131077:HIL131079 GYE131077:GYP131079 GOI131077:GOT131079 GEM131077:GEX131079 FUQ131077:FVB131079 FKU131077:FLF131079 FAY131077:FBJ131079 ERC131077:ERN131079 EHG131077:EHR131079 DXK131077:DXV131079 DNO131077:DNZ131079 DDS131077:DED131079 CTW131077:CUH131079 CKA131077:CKL131079 CAE131077:CAP131079 BQI131077:BQT131079 BGM131077:BGX131079 AWQ131077:AXB131079 AMU131077:ANF131079 ACY131077:ADJ131079 TC131077:TN131079 JG131077:JR131079 WVS65541:WWD65543 WLW65541:WMH65543 WCA65541:WCL65543 VSE65541:VSP65543 VII65541:VIT65543 UYM65541:UYX65543 UOQ65541:UPB65543 UEU65541:UFF65543 TUY65541:TVJ65543 TLC65541:TLN65543 TBG65541:TBR65543 SRK65541:SRV65543 SHO65541:SHZ65543 RXS65541:RYD65543 RNW65541:ROH65543 REA65541:REL65543 QUE65541:QUP65543 QKI65541:QKT65543 QAM65541:QAX65543 PQQ65541:PRB65543 PGU65541:PHF65543 OWY65541:OXJ65543 ONC65541:ONN65543 ODG65541:ODR65543 NTK65541:NTV65543 NJO65541:NJZ65543 MZS65541:NAD65543 MPW65541:MQH65543 MGA65541:MGL65543 LWE65541:LWP65543 LMI65541:LMT65543 LCM65541:LCX65543 KSQ65541:KTB65543 KIU65541:KJF65543 JYY65541:JZJ65543 JPC65541:JPN65543 JFG65541:JFR65543 IVK65541:IVV65543 ILO65541:ILZ65543 IBS65541:ICD65543 HRW65541:HSH65543 HIA65541:HIL65543 GYE65541:GYP65543 GOI65541:GOT65543 GEM65541:GEX65543 FUQ65541:FVB65543 FKU65541:FLF65543 FAY65541:FBJ65543 ERC65541:ERN65543 EHG65541:EHR65543 DXK65541:DXV65543 DNO65541:DNZ65543 DDS65541:DED65543 CTW65541:CUH65543 CKA65541:CKL65543 CAE65541:CAP65543 BQI65541:BQT65543 BGM65541:BGX65543 AWQ65541:AXB65543 AMU65541:ANF65543 ACY65541:ADJ65543 TC65541:TN65543 JG65541:JR65543 WVS5:WWD7 WLW5:WMH7 WCA5:WCL7 VSE5:VSP7 VII5:VIT7 UYM5:UYX7 UOQ5:UPB7 UEU5:UFF7 TUY5:TVJ7 TLC5:TLN7 TBG5:TBR7 SRK5:SRV7 SHO5:SHZ7 RXS5:RYD7 RNW5:ROH7 REA5:REL7 QUE5:QUP7 QKI5:QKT7 QAM5:QAX7 PQQ5:PRB7 PGU5:PHF7 OWY5:OXJ7 ONC5:ONN7 ODG5:ODR7 NTK5:NTV7 NJO5:NJZ7 MZS5:NAD7 MPW5:MQH7 MGA5:MGL7 LWE5:LWP7 LMI5:LMT7 LCM5:LCX7 KSQ5:KTB7 KIU5:KJF7 JYY5:JZJ7 JPC5:JPN7 JFG5:JFR7 IVK5:IVV7 ILO5:ILZ7 IBS5:ICD7 HRW5:HSH7 HIA5:HIL7 GYE5:GYP7 GOI5:GOT7 GEM5:GEX7 FUQ5:FVB7 FKU5:FLF7 FAY5:FBJ7 ERC5:ERN7 EHG5:EHR7 DXK5:DXV7 DNO5:DNZ7 DDS5:DED7 CTW5:CUH7 CKA5:CKL7 CAE5:CAP7 BQI5:BQT7 BGM5:BGX7 AWQ5:AXB7 AMU5:ANF7 ACY5:ADJ7 TC5:TN7 JG5:JR7 WVT983048:WWC983049 WLX983048:WMG983049 WCB983048:WCK983049 VSF983048:VSO983049 VIJ983048:VIS983049 UYN983048:UYW983049 UOR983048:UPA983049 UEV983048:UFE983049 TUZ983048:TVI983049 TLD983048:TLM983049 TBH983048:TBQ983049 SRL983048:SRU983049 SHP983048:SHY983049 RXT983048:RYC983049 RNX983048:ROG983049 REB983048:REK983049 QUF983048:QUO983049 QKJ983048:QKS983049 QAN983048:QAW983049 PQR983048:PRA983049 PGV983048:PHE983049 OWZ983048:OXI983049 OND983048:ONM983049 ODH983048:ODQ983049 NTL983048:NTU983049 NJP983048:NJY983049 MZT983048:NAC983049 MPX983048:MQG983049 MGB983048:MGK983049 LWF983048:LWO983049 LMJ983048:LMS983049 LCN983048:LCW983049 KSR983048:KTA983049 KIV983048:KJE983049 JYZ983048:JZI983049 JPD983048:JPM983049 JFH983048:JFQ983049 IVL983048:IVU983049 ILP983048:ILY983049 IBT983048:ICC983049 HRX983048:HSG983049 HIB983048:HIK983049 GYF983048:GYO983049 GOJ983048:GOS983049 GEN983048:GEW983049 FUR983048:FVA983049 FKV983048:FLE983049 FAZ983048:FBI983049 ERD983048:ERM983049 EHH983048:EHQ983049 DXL983048:DXU983049 DNP983048:DNY983049 DDT983048:DEC983049 CTX983048:CUG983049 CKB983048:CKK983049 CAF983048:CAO983049 BQJ983048:BQS983049 BGN983048:BGW983049 AWR983048:AXA983049 AMV983048:ANE983049 ACZ983048:ADI983049 TD983048:TM983049 JH983048:JQ983049 WVT917512:WWC917513 WLX917512:WMG917513 WCB917512:WCK917513 VSF917512:VSO917513 VIJ917512:VIS917513 UYN917512:UYW917513 UOR917512:UPA917513 UEV917512:UFE917513 TUZ917512:TVI917513 TLD917512:TLM917513 TBH917512:TBQ917513 SRL917512:SRU917513 SHP917512:SHY917513 RXT917512:RYC917513 RNX917512:ROG917513 REB917512:REK917513 QUF917512:QUO917513 QKJ917512:QKS917513 QAN917512:QAW917513 PQR917512:PRA917513 PGV917512:PHE917513 OWZ917512:OXI917513 OND917512:ONM917513 ODH917512:ODQ917513 NTL917512:NTU917513 NJP917512:NJY917513 MZT917512:NAC917513 MPX917512:MQG917513 MGB917512:MGK917513 LWF917512:LWO917513 LMJ917512:LMS917513 LCN917512:LCW917513 KSR917512:KTA917513 KIV917512:KJE917513 JYZ917512:JZI917513 JPD917512:JPM917513 JFH917512:JFQ917513 IVL917512:IVU917513 ILP917512:ILY917513 IBT917512:ICC917513 HRX917512:HSG917513 HIB917512:HIK917513 GYF917512:GYO917513 GOJ917512:GOS917513 GEN917512:GEW917513 FUR917512:FVA917513 FKV917512:FLE917513 FAZ917512:FBI917513 ERD917512:ERM917513 EHH917512:EHQ917513 DXL917512:DXU917513 DNP917512:DNY917513 DDT917512:DEC917513 CTX917512:CUG917513 CKB917512:CKK917513 CAF917512:CAO917513 BQJ917512:BQS917513 BGN917512:BGW917513 AWR917512:AXA917513 AMV917512:ANE917513 ACZ917512:ADI917513 TD917512:TM917513 JH917512:JQ917513 R983048:V983049 WVT851976:WWC851977 WLX851976:WMG851977 WCB851976:WCK851977 VSF851976:VSO851977 VIJ851976:VIS851977 UYN851976:UYW851977 UOR851976:UPA851977 UEV851976:UFE851977 TUZ851976:TVI851977 TLD851976:TLM851977 TBH851976:TBQ851977 SRL851976:SRU851977 SHP851976:SHY851977 RXT851976:RYC851977 RNX851976:ROG851977 REB851976:REK851977 QUF851976:QUO851977 QKJ851976:QKS851977 QAN851976:QAW851977 PQR851976:PRA851977 PGV851976:PHE851977 OWZ851976:OXI851977 OND851976:ONM851977 ODH851976:ODQ851977 NTL851976:NTU851977 NJP851976:NJY851977 MZT851976:NAC851977 MPX851976:MQG851977 MGB851976:MGK851977 LWF851976:LWO851977 LMJ851976:LMS851977 LCN851976:LCW851977 KSR851976:KTA851977 KIV851976:KJE851977 JYZ851976:JZI851977 JPD851976:JPM851977 JFH851976:JFQ851977 IVL851976:IVU851977 ILP851976:ILY851977 IBT851976:ICC851977 HRX851976:HSG851977 HIB851976:HIK851977 GYF851976:GYO851977 GOJ851976:GOS851977 GEN851976:GEW851977 FUR851976:FVA851977 FKV851976:FLE851977 FAZ851976:FBI851977 ERD851976:ERM851977 EHH851976:EHQ851977 DXL851976:DXU851977 DNP851976:DNY851977 DDT851976:DEC851977 CTX851976:CUG851977 CKB851976:CKK851977 CAF851976:CAO851977 BQJ851976:BQS851977 BGN851976:BGW851977 AWR851976:AXA851977 AMV851976:ANE851977 ACZ851976:ADI851977 TD851976:TM851977 JH851976:JQ851977 R917512:V917513 WVT786440:WWC786441 WLX786440:WMG786441 WCB786440:WCK786441 VSF786440:VSO786441 VIJ786440:VIS786441 UYN786440:UYW786441 UOR786440:UPA786441 UEV786440:UFE786441 TUZ786440:TVI786441 TLD786440:TLM786441 TBH786440:TBQ786441 SRL786440:SRU786441 SHP786440:SHY786441 RXT786440:RYC786441 RNX786440:ROG786441 REB786440:REK786441 QUF786440:QUO786441 QKJ786440:QKS786441 QAN786440:QAW786441 PQR786440:PRA786441 PGV786440:PHE786441 OWZ786440:OXI786441 OND786440:ONM786441 ODH786440:ODQ786441 NTL786440:NTU786441 NJP786440:NJY786441 MZT786440:NAC786441 MPX786440:MQG786441 MGB786440:MGK786441 LWF786440:LWO786441 LMJ786440:LMS786441 LCN786440:LCW786441 KSR786440:KTA786441 KIV786440:KJE786441 JYZ786440:JZI786441 JPD786440:JPM786441 JFH786440:JFQ786441 IVL786440:IVU786441 ILP786440:ILY786441 IBT786440:ICC786441 HRX786440:HSG786441 HIB786440:HIK786441 GYF786440:GYO786441 GOJ786440:GOS786441 GEN786440:GEW786441 FUR786440:FVA786441 FKV786440:FLE786441 FAZ786440:FBI786441 ERD786440:ERM786441 EHH786440:EHQ786441 DXL786440:DXU786441 DNP786440:DNY786441 DDT786440:DEC786441 CTX786440:CUG786441 CKB786440:CKK786441 CAF786440:CAO786441 BQJ786440:BQS786441 BGN786440:BGW786441 AWR786440:AXA786441 AMV786440:ANE786441 ACZ786440:ADI786441 TD786440:TM786441 JH786440:JQ786441 R851976:V851977 WVT720904:WWC720905 WLX720904:WMG720905 WCB720904:WCK720905 VSF720904:VSO720905 VIJ720904:VIS720905 UYN720904:UYW720905 UOR720904:UPA720905 UEV720904:UFE720905 TUZ720904:TVI720905 TLD720904:TLM720905 TBH720904:TBQ720905 SRL720904:SRU720905 SHP720904:SHY720905 RXT720904:RYC720905 RNX720904:ROG720905 REB720904:REK720905 QUF720904:QUO720905 QKJ720904:QKS720905 QAN720904:QAW720905 PQR720904:PRA720905 PGV720904:PHE720905 OWZ720904:OXI720905 OND720904:ONM720905 ODH720904:ODQ720905 NTL720904:NTU720905 NJP720904:NJY720905 MZT720904:NAC720905 MPX720904:MQG720905 MGB720904:MGK720905 LWF720904:LWO720905 LMJ720904:LMS720905 LCN720904:LCW720905 KSR720904:KTA720905 KIV720904:KJE720905 JYZ720904:JZI720905 JPD720904:JPM720905 JFH720904:JFQ720905 IVL720904:IVU720905 ILP720904:ILY720905 IBT720904:ICC720905 HRX720904:HSG720905 HIB720904:HIK720905 GYF720904:GYO720905 GOJ720904:GOS720905 GEN720904:GEW720905 FUR720904:FVA720905 FKV720904:FLE720905 FAZ720904:FBI720905 ERD720904:ERM720905 EHH720904:EHQ720905 DXL720904:DXU720905 DNP720904:DNY720905 DDT720904:DEC720905 CTX720904:CUG720905 CKB720904:CKK720905 CAF720904:CAO720905 BQJ720904:BQS720905 BGN720904:BGW720905 AWR720904:AXA720905 AMV720904:ANE720905 ACZ720904:ADI720905 TD720904:TM720905 JH720904:JQ720905 R786440:V786441 WVT655368:WWC655369 WLX655368:WMG655369 WCB655368:WCK655369 VSF655368:VSO655369 VIJ655368:VIS655369 UYN655368:UYW655369 UOR655368:UPA655369 UEV655368:UFE655369 TUZ655368:TVI655369 TLD655368:TLM655369 TBH655368:TBQ655369 SRL655368:SRU655369 SHP655368:SHY655369 RXT655368:RYC655369 RNX655368:ROG655369 REB655368:REK655369 QUF655368:QUO655369 QKJ655368:QKS655369 QAN655368:QAW655369 PQR655368:PRA655369 PGV655368:PHE655369 OWZ655368:OXI655369 OND655368:ONM655369 ODH655368:ODQ655369 NTL655368:NTU655369 NJP655368:NJY655369 MZT655368:NAC655369 MPX655368:MQG655369 MGB655368:MGK655369 LWF655368:LWO655369 LMJ655368:LMS655369 LCN655368:LCW655369 KSR655368:KTA655369 KIV655368:KJE655369 JYZ655368:JZI655369 JPD655368:JPM655369 JFH655368:JFQ655369 IVL655368:IVU655369 ILP655368:ILY655369 IBT655368:ICC655369 HRX655368:HSG655369 HIB655368:HIK655369 GYF655368:GYO655369 GOJ655368:GOS655369 GEN655368:GEW655369 FUR655368:FVA655369 FKV655368:FLE655369 FAZ655368:FBI655369 ERD655368:ERM655369 EHH655368:EHQ655369 DXL655368:DXU655369 DNP655368:DNY655369 DDT655368:DEC655369 CTX655368:CUG655369 CKB655368:CKK655369 CAF655368:CAO655369 BQJ655368:BQS655369 BGN655368:BGW655369 AWR655368:AXA655369 AMV655368:ANE655369 ACZ655368:ADI655369 TD655368:TM655369 JH655368:JQ655369 R720904:V720905 WVT589832:WWC589833 WLX589832:WMG589833 WCB589832:WCK589833 VSF589832:VSO589833 VIJ589832:VIS589833 UYN589832:UYW589833 UOR589832:UPA589833 UEV589832:UFE589833 TUZ589832:TVI589833 TLD589832:TLM589833 TBH589832:TBQ589833 SRL589832:SRU589833 SHP589832:SHY589833 RXT589832:RYC589833 RNX589832:ROG589833 REB589832:REK589833 QUF589832:QUO589833 QKJ589832:QKS589833 QAN589832:QAW589833 PQR589832:PRA589833 PGV589832:PHE589833 OWZ589832:OXI589833 OND589832:ONM589833 ODH589832:ODQ589833 NTL589832:NTU589833 NJP589832:NJY589833 MZT589832:NAC589833 MPX589832:MQG589833 MGB589832:MGK589833 LWF589832:LWO589833 LMJ589832:LMS589833 LCN589832:LCW589833 KSR589832:KTA589833 KIV589832:KJE589833 JYZ589832:JZI589833 JPD589832:JPM589833 JFH589832:JFQ589833 IVL589832:IVU589833 ILP589832:ILY589833 IBT589832:ICC589833 HRX589832:HSG589833 HIB589832:HIK589833 GYF589832:GYO589833 GOJ589832:GOS589833 GEN589832:GEW589833 FUR589832:FVA589833 FKV589832:FLE589833 FAZ589832:FBI589833 ERD589832:ERM589833 EHH589832:EHQ589833 DXL589832:DXU589833 DNP589832:DNY589833 DDT589832:DEC589833 CTX589832:CUG589833 CKB589832:CKK589833 CAF589832:CAO589833 BQJ589832:BQS589833 BGN589832:BGW589833 AWR589832:AXA589833 AMV589832:ANE589833 ACZ589832:ADI589833 TD589832:TM589833 JH589832:JQ589833 R655368:V655369 WVT524296:WWC524297 WLX524296:WMG524297 WCB524296:WCK524297 VSF524296:VSO524297 VIJ524296:VIS524297 UYN524296:UYW524297 UOR524296:UPA524297 UEV524296:UFE524297 TUZ524296:TVI524297 TLD524296:TLM524297 TBH524296:TBQ524297 SRL524296:SRU524297 SHP524296:SHY524297 RXT524296:RYC524297 RNX524296:ROG524297 REB524296:REK524297 QUF524296:QUO524297 QKJ524296:QKS524297 QAN524296:QAW524297 PQR524296:PRA524297 PGV524296:PHE524297 OWZ524296:OXI524297 OND524296:ONM524297 ODH524296:ODQ524297 NTL524296:NTU524297 NJP524296:NJY524297 MZT524296:NAC524297 MPX524296:MQG524297 MGB524296:MGK524297 LWF524296:LWO524297 LMJ524296:LMS524297 LCN524296:LCW524297 KSR524296:KTA524297 KIV524296:KJE524297 JYZ524296:JZI524297 JPD524296:JPM524297 JFH524296:JFQ524297 IVL524296:IVU524297 ILP524296:ILY524297 IBT524296:ICC524297 HRX524296:HSG524297 HIB524296:HIK524297 GYF524296:GYO524297 GOJ524296:GOS524297 GEN524296:GEW524297 FUR524296:FVA524297 FKV524296:FLE524297 FAZ524296:FBI524297 ERD524296:ERM524297 EHH524296:EHQ524297 DXL524296:DXU524297 DNP524296:DNY524297 DDT524296:DEC524297 CTX524296:CUG524297 CKB524296:CKK524297 CAF524296:CAO524297 BQJ524296:BQS524297 BGN524296:BGW524297 AWR524296:AXA524297 AMV524296:ANE524297 ACZ524296:ADI524297 TD524296:TM524297 JH524296:JQ524297 R589832:V589833 WVT458760:WWC458761 WLX458760:WMG458761 WCB458760:WCK458761 VSF458760:VSO458761 VIJ458760:VIS458761 UYN458760:UYW458761 UOR458760:UPA458761 UEV458760:UFE458761 TUZ458760:TVI458761 TLD458760:TLM458761 TBH458760:TBQ458761 SRL458760:SRU458761 SHP458760:SHY458761 RXT458760:RYC458761 RNX458760:ROG458761 REB458760:REK458761 QUF458760:QUO458761 QKJ458760:QKS458761 QAN458760:QAW458761 PQR458760:PRA458761 PGV458760:PHE458761 OWZ458760:OXI458761 OND458760:ONM458761 ODH458760:ODQ458761 NTL458760:NTU458761 NJP458760:NJY458761 MZT458760:NAC458761 MPX458760:MQG458761 MGB458760:MGK458761 LWF458760:LWO458761 LMJ458760:LMS458761 LCN458760:LCW458761 KSR458760:KTA458761 KIV458760:KJE458761 JYZ458760:JZI458761 JPD458760:JPM458761 JFH458760:JFQ458761 IVL458760:IVU458761 ILP458760:ILY458761 IBT458760:ICC458761 HRX458760:HSG458761 HIB458760:HIK458761 GYF458760:GYO458761 GOJ458760:GOS458761 GEN458760:GEW458761 FUR458760:FVA458761 FKV458760:FLE458761 FAZ458760:FBI458761 ERD458760:ERM458761 EHH458760:EHQ458761 DXL458760:DXU458761 DNP458760:DNY458761 DDT458760:DEC458761 CTX458760:CUG458761 CKB458760:CKK458761 CAF458760:CAO458761 BQJ458760:BQS458761 BGN458760:BGW458761 AWR458760:AXA458761 AMV458760:ANE458761 ACZ458760:ADI458761 TD458760:TM458761 JH458760:JQ458761 R524296:V524297 WVT393224:WWC393225 WLX393224:WMG393225 WCB393224:WCK393225 VSF393224:VSO393225 VIJ393224:VIS393225 UYN393224:UYW393225 UOR393224:UPA393225 UEV393224:UFE393225 TUZ393224:TVI393225 TLD393224:TLM393225 TBH393224:TBQ393225 SRL393224:SRU393225 SHP393224:SHY393225 RXT393224:RYC393225 RNX393224:ROG393225 REB393224:REK393225 QUF393224:QUO393225 QKJ393224:QKS393225 QAN393224:QAW393225 PQR393224:PRA393225 PGV393224:PHE393225 OWZ393224:OXI393225 OND393224:ONM393225 ODH393224:ODQ393225 NTL393224:NTU393225 NJP393224:NJY393225 MZT393224:NAC393225 MPX393224:MQG393225 MGB393224:MGK393225 LWF393224:LWO393225 LMJ393224:LMS393225 LCN393224:LCW393225 KSR393224:KTA393225 KIV393224:KJE393225 JYZ393224:JZI393225 JPD393224:JPM393225 JFH393224:JFQ393225 IVL393224:IVU393225 ILP393224:ILY393225 IBT393224:ICC393225 HRX393224:HSG393225 HIB393224:HIK393225 GYF393224:GYO393225 GOJ393224:GOS393225 GEN393224:GEW393225 FUR393224:FVA393225 FKV393224:FLE393225 FAZ393224:FBI393225 ERD393224:ERM393225 EHH393224:EHQ393225 DXL393224:DXU393225 DNP393224:DNY393225 DDT393224:DEC393225 CTX393224:CUG393225 CKB393224:CKK393225 CAF393224:CAO393225 BQJ393224:BQS393225 BGN393224:BGW393225 AWR393224:AXA393225 AMV393224:ANE393225 ACZ393224:ADI393225 TD393224:TM393225 JH393224:JQ393225 R458760:V458761 WVT327688:WWC327689 WLX327688:WMG327689 WCB327688:WCK327689 VSF327688:VSO327689 VIJ327688:VIS327689 UYN327688:UYW327689 UOR327688:UPA327689 UEV327688:UFE327689 TUZ327688:TVI327689 TLD327688:TLM327689 TBH327688:TBQ327689 SRL327688:SRU327689 SHP327688:SHY327689 RXT327688:RYC327689 RNX327688:ROG327689 REB327688:REK327689 QUF327688:QUO327689 QKJ327688:QKS327689 QAN327688:QAW327689 PQR327688:PRA327689 PGV327688:PHE327689 OWZ327688:OXI327689 OND327688:ONM327689 ODH327688:ODQ327689 NTL327688:NTU327689 NJP327688:NJY327689 MZT327688:NAC327689 MPX327688:MQG327689 MGB327688:MGK327689 LWF327688:LWO327689 LMJ327688:LMS327689 LCN327688:LCW327689 KSR327688:KTA327689 KIV327688:KJE327689 JYZ327688:JZI327689 JPD327688:JPM327689 JFH327688:JFQ327689 IVL327688:IVU327689 ILP327688:ILY327689 IBT327688:ICC327689 HRX327688:HSG327689 HIB327688:HIK327689 GYF327688:GYO327689 GOJ327688:GOS327689 GEN327688:GEW327689 FUR327688:FVA327689 FKV327688:FLE327689 FAZ327688:FBI327689 ERD327688:ERM327689 EHH327688:EHQ327689 DXL327688:DXU327689 DNP327688:DNY327689 DDT327688:DEC327689 CTX327688:CUG327689 CKB327688:CKK327689 CAF327688:CAO327689 BQJ327688:BQS327689 BGN327688:BGW327689 AWR327688:AXA327689 AMV327688:ANE327689 ACZ327688:ADI327689 TD327688:TM327689 JH327688:JQ327689 R393224:V393225 WVT262152:WWC262153 WLX262152:WMG262153 WCB262152:WCK262153 VSF262152:VSO262153 VIJ262152:VIS262153 UYN262152:UYW262153 UOR262152:UPA262153 UEV262152:UFE262153 TUZ262152:TVI262153 TLD262152:TLM262153 TBH262152:TBQ262153 SRL262152:SRU262153 SHP262152:SHY262153 RXT262152:RYC262153 RNX262152:ROG262153 REB262152:REK262153 QUF262152:QUO262153 QKJ262152:QKS262153 QAN262152:QAW262153 PQR262152:PRA262153 PGV262152:PHE262153 OWZ262152:OXI262153 OND262152:ONM262153 ODH262152:ODQ262153 NTL262152:NTU262153 NJP262152:NJY262153 MZT262152:NAC262153 MPX262152:MQG262153 MGB262152:MGK262153 LWF262152:LWO262153 LMJ262152:LMS262153 LCN262152:LCW262153 KSR262152:KTA262153 KIV262152:KJE262153 JYZ262152:JZI262153 JPD262152:JPM262153 JFH262152:JFQ262153 IVL262152:IVU262153 ILP262152:ILY262153 IBT262152:ICC262153 HRX262152:HSG262153 HIB262152:HIK262153 GYF262152:GYO262153 GOJ262152:GOS262153 GEN262152:GEW262153 FUR262152:FVA262153 FKV262152:FLE262153 FAZ262152:FBI262153 ERD262152:ERM262153 EHH262152:EHQ262153 DXL262152:DXU262153 DNP262152:DNY262153 DDT262152:DEC262153 CTX262152:CUG262153 CKB262152:CKK262153 CAF262152:CAO262153 BQJ262152:BQS262153 BGN262152:BGW262153 AWR262152:AXA262153 AMV262152:ANE262153 ACZ262152:ADI262153 TD262152:TM262153 JH262152:JQ262153 R327688:V327689 WVT196616:WWC196617 WLX196616:WMG196617 WCB196616:WCK196617 VSF196616:VSO196617 VIJ196616:VIS196617 UYN196616:UYW196617 UOR196616:UPA196617 UEV196616:UFE196617 TUZ196616:TVI196617 TLD196616:TLM196617 TBH196616:TBQ196617 SRL196616:SRU196617 SHP196616:SHY196617 RXT196616:RYC196617 RNX196616:ROG196617 REB196616:REK196617 QUF196616:QUO196617 QKJ196616:QKS196617 QAN196616:QAW196617 PQR196616:PRA196617 PGV196616:PHE196617 OWZ196616:OXI196617 OND196616:ONM196617 ODH196616:ODQ196617 NTL196616:NTU196617 NJP196616:NJY196617 MZT196616:NAC196617 MPX196616:MQG196617 MGB196616:MGK196617 LWF196616:LWO196617 LMJ196616:LMS196617 LCN196616:LCW196617 KSR196616:KTA196617 KIV196616:KJE196617 JYZ196616:JZI196617 JPD196616:JPM196617 JFH196616:JFQ196617 IVL196616:IVU196617 ILP196616:ILY196617 IBT196616:ICC196617 HRX196616:HSG196617 HIB196616:HIK196617 GYF196616:GYO196617 GOJ196616:GOS196617 GEN196616:GEW196617 FUR196616:FVA196617 FKV196616:FLE196617 FAZ196616:FBI196617 ERD196616:ERM196617 EHH196616:EHQ196617 DXL196616:DXU196617 DNP196616:DNY196617 DDT196616:DEC196617 CTX196616:CUG196617 CKB196616:CKK196617 CAF196616:CAO196617 BQJ196616:BQS196617 BGN196616:BGW196617 AWR196616:AXA196617 AMV196616:ANE196617 ACZ196616:ADI196617 TD196616:TM196617 JH196616:JQ196617 R262152:V262153 WVT131080:WWC131081 WLX131080:WMG131081 WCB131080:WCK131081 VSF131080:VSO131081 VIJ131080:VIS131081 UYN131080:UYW131081 UOR131080:UPA131081 UEV131080:UFE131081 TUZ131080:TVI131081 TLD131080:TLM131081 TBH131080:TBQ131081 SRL131080:SRU131081 SHP131080:SHY131081 RXT131080:RYC131081 RNX131080:ROG131081 REB131080:REK131081 QUF131080:QUO131081 QKJ131080:QKS131081 QAN131080:QAW131081 PQR131080:PRA131081 PGV131080:PHE131081 OWZ131080:OXI131081 OND131080:ONM131081 ODH131080:ODQ131081 NTL131080:NTU131081 NJP131080:NJY131081 MZT131080:NAC131081 MPX131080:MQG131081 MGB131080:MGK131081 LWF131080:LWO131081 LMJ131080:LMS131081 LCN131080:LCW131081 KSR131080:KTA131081 KIV131080:KJE131081 JYZ131080:JZI131081 JPD131080:JPM131081 JFH131080:JFQ131081 IVL131080:IVU131081 ILP131080:ILY131081 IBT131080:ICC131081 HRX131080:HSG131081 HIB131080:HIK131081 GYF131080:GYO131081 GOJ131080:GOS131081 GEN131080:GEW131081 FUR131080:FVA131081 FKV131080:FLE131081 FAZ131080:FBI131081 ERD131080:ERM131081 EHH131080:EHQ131081 DXL131080:DXU131081 DNP131080:DNY131081 DDT131080:DEC131081 CTX131080:CUG131081 CKB131080:CKK131081 CAF131080:CAO131081 BQJ131080:BQS131081 BGN131080:BGW131081 AWR131080:AXA131081 AMV131080:ANE131081 ACZ131080:ADI131081 TD131080:TM131081 JH131080:JQ131081 R196616:V196617 WVT65544:WWC65545 WLX65544:WMG65545 WCB65544:WCK65545 VSF65544:VSO65545 VIJ65544:VIS65545 UYN65544:UYW65545 UOR65544:UPA65545 UEV65544:UFE65545 TUZ65544:TVI65545 TLD65544:TLM65545 TBH65544:TBQ65545 SRL65544:SRU65545 SHP65544:SHY65545 RXT65544:RYC65545 RNX65544:ROG65545 REB65544:REK65545 QUF65544:QUO65545 QKJ65544:QKS65545 QAN65544:QAW65545 PQR65544:PRA65545 PGV65544:PHE65545 OWZ65544:OXI65545 OND65544:ONM65545 ODH65544:ODQ65545 NTL65544:NTU65545 NJP65544:NJY65545 MZT65544:NAC65545 MPX65544:MQG65545 MGB65544:MGK65545 LWF65544:LWO65545 LMJ65544:LMS65545 LCN65544:LCW65545 KSR65544:KTA65545 KIV65544:KJE65545 JYZ65544:JZI65545 JPD65544:JPM65545 JFH65544:JFQ65545 IVL65544:IVU65545 ILP65544:ILY65545 IBT65544:ICC65545 HRX65544:HSG65545 HIB65544:HIK65545 GYF65544:GYO65545 GOJ65544:GOS65545 GEN65544:GEW65545 FUR65544:FVA65545 FKV65544:FLE65545 FAZ65544:FBI65545 ERD65544:ERM65545 EHH65544:EHQ65545 DXL65544:DXU65545 DNP65544:DNY65545 DDT65544:DEC65545 CTX65544:CUG65545 CKB65544:CKK65545 CAF65544:CAO65545 BQJ65544:BQS65545 BGN65544:BGW65545 AWR65544:AXA65545 AMV65544:ANE65545 ACZ65544:ADI65545 TD65544:TM65545 JH65544:JQ65545 R131080:V131081 WVT8:WWC9 WLX8:WMG9 WCB8:WCK9 VSF8:VSO9 VIJ8:VIS9 UYN8:UYW9 UOR8:UPA9 UEV8:UFE9 TUZ8:TVI9 TLD8:TLM9 TBH8:TBQ9 SRL8:SRU9 SHP8:SHY9 RXT8:RYC9 RNX8:ROG9 REB8:REK9 QUF8:QUO9 QKJ8:QKS9 QAN8:QAW9 PQR8:PRA9 PGV8:PHE9 OWZ8:OXI9 OND8:ONM9 ODH8:ODQ9 NTL8:NTU9 NJP8:NJY9 MZT8:NAC9 MPX8:MQG9 MGB8:MGK9 LWF8:LWO9 LMJ8:LMS9 LCN8:LCW9 KSR8:KTA9 KIV8:KJE9 JYZ8:JZI9 JPD8:JPM9 JFH8:JFQ9 IVL8:IVU9 ILP8:ILY9 IBT8:ICC9 HRX8:HSG9 HIB8:HIK9 GYF8:GYO9 GOJ8:GOS9 GEN8:GEW9 FUR8:FVA9 FKV8:FLE9 FAZ8:FBI9 ERD8:ERM9 EHH8:EHQ9 DXL8:DXU9 DNP8:DNY9 DDT8:DEC9 CTX8:CUG9 CKB8:CKK9 CAF8:CAO9 BQJ8:BQS9 BGN8:BGW9 AWR8:AXA9 AMV8:ANE9 ACZ8:ADI9 TD8:TM9 JH8:JQ9 R65544:V65545 WVY983054:WWC983055 WMC983054:WMG983055 WCG983054:WCK983055 VSK983054:VSO983055 VIO983054:VIS983055 UYS983054:UYW983055 UOW983054:UPA983055 UFA983054:UFE983055 TVE983054:TVI983055 TLI983054:TLM983055 TBM983054:TBQ983055 SRQ983054:SRU983055 SHU983054:SHY983055 RXY983054:RYC983055 ROC983054:ROG983055 REG983054:REK983055 QUK983054:QUO983055 QKO983054:QKS983055 QAS983054:QAW983055 PQW983054:PRA983055 PHA983054:PHE983055 OXE983054:OXI983055 ONI983054:ONM983055 ODM983054:ODQ983055 NTQ983054:NTU983055 NJU983054:NJY983055 MZY983054:NAC983055 MQC983054:MQG983055 MGG983054:MGK983055 LWK983054:LWO983055 LMO983054:LMS983055 LCS983054:LCW983055 KSW983054:KTA983055 KJA983054:KJE983055 JZE983054:JZI983055 JPI983054:JPM983055 JFM983054:JFQ983055 IVQ983054:IVU983055 ILU983054:ILY983055 IBY983054:ICC983055 HSC983054:HSG983055 HIG983054:HIK983055 GYK983054:GYO983055 GOO983054:GOS983055 GES983054:GEW983055 FUW983054:FVA983055 FLA983054:FLE983055 FBE983054:FBI983055 ERI983054:ERM983055 EHM983054:EHQ983055 DXQ983054:DXU983055 DNU983054:DNY983055 DDY983054:DEC983055 CUC983054:CUG983055 CKG983054:CKK983055 CAK983054:CAO983055 BQO983054:BQS983055 BGS983054:BGW983055 AWW983054:AXA983055 ANA983054:ANE983055 ADE983054:ADI983055 TI983054:TM983055 JM983054:JQ983055 R983054:V983055 WVY917518:WWC917519 WMC917518:WMG917519 WCG917518:WCK917519 VSK917518:VSO917519 VIO917518:VIS917519 UYS917518:UYW917519 UOW917518:UPA917519 UFA917518:UFE917519 TVE917518:TVI917519 TLI917518:TLM917519 TBM917518:TBQ917519 SRQ917518:SRU917519 SHU917518:SHY917519 RXY917518:RYC917519 ROC917518:ROG917519 REG917518:REK917519 QUK917518:QUO917519 QKO917518:QKS917519 QAS917518:QAW917519 PQW917518:PRA917519 PHA917518:PHE917519 OXE917518:OXI917519 ONI917518:ONM917519 ODM917518:ODQ917519 NTQ917518:NTU917519 NJU917518:NJY917519 MZY917518:NAC917519 MQC917518:MQG917519 MGG917518:MGK917519 LWK917518:LWO917519 LMO917518:LMS917519 LCS917518:LCW917519 KSW917518:KTA917519 KJA917518:KJE917519 JZE917518:JZI917519 JPI917518:JPM917519 JFM917518:JFQ917519 IVQ917518:IVU917519 ILU917518:ILY917519 IBY917518:ICC917519 HSC917518:HSG917519 HIG917518:HIK917519 GYK917518:GYO917519 GOO917518:GOS917519 GES917518:GEW917519 FUW917518:FVA917519 FLA917518:FLE917519 FBE917518:FBI917519 ERI917518:ERM917519 EHM917518:EHQ917519 DXQ917518:DXU917519 DNU917518:DNY917519 DDY917518:DEC917519 CUC917518:CUG917519 CKG917518:CKK917519 CAK917518:CAO917519 BQO917518:BQS917519 BGS917518:BGW917519 AWW917518:AXA917519 ANA917518:ANE917519 ADE917518:ADI917519 TI917518:TM917519 JM917518:JQ917519 R917518:V917519 WVY851982:WWC851983 WMC851982:WMG851983 WCG851982:WCK851983 VSK851982:VSO851983 VIO851982:VIS851983 UYS851982:UYW851983 UOW851982:UPA851983 UFA851982:UFE851983 TVE851982:TVI851983 TLI851982:TLM851983 TBM851982:TBQ851983 SRQ851982:SRU851983 SHU851982:SHY851983 RXY851982:RYC851983 ROC851982:ROG851983 REG851982:REK851983 QUK851982:QUO851983 QKO851982:QKS851983 QAS851982:QAW851983 PQW851982:PRA851983 PHA851982:PHE851983 OXE851982:OXI851983 ONI851982:ONM851983 ODM851982:ODQ851983 NTQ851982:NTU851983 NJU851982:NJY851983 MZY851982:NAC851983 MQC851982:MQG851983 MGG851982:MGK851983 LWK851982:LWO851983 LMO851982:LMS851983 LCS851982:LCW851983 KSW851982:KTA851983 KJA851982:KJE851983 JZE851982:JZI851983 JPI851982:JPM851983 JFM851982:JFQ851983 IVQ851982:IVU851983 ILU851982:ILY851983 IBY851982:ICC851983 HSC851982:HSG851983 HIG851982:HIK851983 GYK851982:GYO851983 GOO851982:GOS851983 GES851982:GEW851983 FUW851982:FVA851983 FLA851982:FLE851983 FBE851982:FBI851983 ERI851982:ERM851983 EHM851982:EHQ851983 DXQ851982:DXU851983 DNU851982:DNY851983 DDY851982:DEC851983 CUC851982:CUG851983 CKG851982:CKK851983 CAK851982:CAO851983 BQO851982:BQS851983 BGS851982:BGW851983 AWW851982:AXA851983 ANA851982:ANE851983 ADE851982:ADI851983 TI851982:TM851983 JM851982:JQ851983 R851982:V851983 WVY786446:WWC786447 WMC786446:WMG786447 WCG786446:WCK786447 VSK786446:VSO786447 VIO786446:VIS786447 UYS786446:UYW786447 UOW786446:UPA786447 UFA786446:UFE786447 TVE786446:TVI786447 TLI786446:TLM786447 TBM786446:TBQ786447 SRQ786446:SRU786447 SHU786446:SHY786447 RXY786446:RYC786447 ROC786446:ROG786447 REG786446:REK786447 QUK786446:QUO786447 QKO786446:QKS786447 QAS786446:QAW786447 PQW786446:PRA786447 PHA786446:PHE786447 OXE786446:OXI786447 ONI786446:ONM786447 ODM786446:ODQ786447 NTQ786446:NTU786447 NJU786446:NJY786447 MZY786446:NAC786447 MQC786446:MQG786447 MGG786446:MGK786447 LWK786446:LWO786447 LMO786446:LMS786447 LCS786446:LCW786447 KSW786446:KTA786447 KJA786446:KJE786447 JZE786446:JZI786447 JPI786446:JPM786447 JFM786446:JFQ786447 IVQ786446:IVU786447 ILU786446:ILY786447 IBY786446:ICC786447 HSC786446:HSG786447 HIG786446:HIK786447 GYK786446:GYO786447 GOO786446:GOS786447 GES786446:GEW786447 FUW786446:FVA786447 FLA786446:FLE786447 FBE786446:FBI786447 ERI786446:ERM786447 EHM786446:EHQ786447 DXQ786446:DXU786447 DNU786446:DNY786447 DDY786446:DEC786447 CUC786446:CUG786447 CKG786446:CKK786447 CAK786446:CAO786447 BQO786446:BQS786447 BGS786446:BGW786447 AWW786446:AXA786447 ANA786446:ANE786447 ADE786446:ADI786447 TI786446:TM786447 JM786446:JQ786447 R786446:V786447 WVY720910:WWC720911 WMC720910:WMG720911 WCG720910:WCK720911 VSK720910:VSO720911 VIO720910:VIS720911 UYS720910:UYW720911 UOW720910:UPA720911 UFA720910:UFE720911 TVE720910:TVI720911 TLI720910:TLM720911 TBM720910:TBQ720911 SRQ720910:SRU720911 SHU720910:SHY720911 RXY720910:RYC720911 ROC720910:ROG720911 REG720910:REK720911 QUK720910:QUO720911 QKO720910:QKS720911 QAS720910:QAW720911 PQW720910:PRA720911 PHA720910:PHE720911 OXE720910:OXI720911 ONI720910:ONM720911 ODM720910:ODQ720911 NTQ720910:NTU720911 NJU720910:NJY720911 MZY720910:NAC720911 MQC720910:MQG720911 MGG720910:MGK720911 LWK720910:LWO720911 LMO720910:LMS720911 LCS720910:LCW720911 KSW720910:KTA720911 KJA720910:KJE720911 JZE720910:JZI720911 JPI720910:JPM720911 JFM720910:JFQ720911 IVQ720910:IVU720911 ILU720910:ILY720911 IBY720910:ICC720911 HSC720910:HSG720911 HIG720910:HIK720911 GYK720910:GYO720911 GOO720910:GOS720911 GES720910:GEW720911 FUW720910:FVA720911 FLA720910:FLE720911 FBE720910:FBI720911 ERI720910:ERM720911 EHM720910:EHQ720911 DXQ720910:DXU720911 DNU720910:DNY720911 DDY720910:DEC720911 CUC720910:CUG720911 CKG720910:CKK720911 CAK720910:CAO720911 BQO720910:BQS720911 BGS720910:BGW720911 AWW720910:AXA720911 ANA720910:ANE720911 ADE720910:ADI720911 TI720910:TM720911 JM720910:JQ720911 R720910:V720911 WVY655374:WWC655375 WMC655374:WMG655375 WCG655374:WCK655375 VSK655374:VSO655375 VIO655374:VIS655375 UYS655374:UYW655375 UOW655374:UPA655375 UFA655374:UFE655375 TVE655374:TVI655375 TLI655374:TLM655375 TBM655374:TBQ655375 SRQ655374:SRU655375 SHU655374:SHY655375 RXY655374:RYC655375 ROC655374:ROG655375 REG655374:REK655375 QUK655374:QUO655375 QKO655374:QKS655375 QAS655374:QAW655375 PQW655374:PRA655375 PHA655374:PHE655375 OXE655374:OXI655375 ONI655374:ONM655375 ODM655374:ODQ655375 NTQ655374:NTU655375 NJU655374:NJY655375 MZY655374:NAC655375 MQC655374:MQG655375 MGG655374:MGK655375 LWK655374:LWO655375 LMO655374:LMS655375 LCS655374:LCW655375 KSW655374:KTA655375 KJA655374:KJE655375 JZE655374:JZI655375 JPI655374:JPM655375 JFM655374:JFQ655375 IVQ655374:IVU655375 ILU655374:ILY655375 IBY655374:ICC655375 HSC655374:HSG655375 HIG655374:HIK655375 GYK655374:GYO655375 GOO655374:GOS655375 GES655374:GEW655375 FUW655374:FVA655375 FLA655374:FLE655375 FBE655374:FBI655375 ERI655374:ERM655375 EHM655374:EHQ655375 DXQ655374:DXU655375 DNU655374:DNY655375 DDY655374:DEC655375 CUC655374:CUG655375 CKG655374:CKK655375 CAK655374:CAO655375 BQO655374:BQS655375 BGS655374:BGW655375 AWW655374:AXA655375 ANA655374:ANE655375 ADE655374:ADI655375 TI655374:TM655375 JM655374:JQ655375 R655374:V655375 WVY589838:WWC589839 WMC589838:WMG589839 WCG589838:WCK589839 VSK589838:VSO589839 VIO589838:VIS589839 UYS589838:UYW589839 UOW589838:UPA589839 UFA589838:UFE589839 TVE589838:TVI589839 TLI589838:TLM589839 TBM589838:TBQ589839 SRQ589838:SRU589839 SHU589838:SHY589839 RXY589838:RYC589839 ROC589838:ROG589839 REG589838:REK589839 QUK589838:QUO589839 QKO589838:QKS589839 QAS589838:QAW589839 PQW589838:PRA589839 PHA589838:PHE589839 OXE589838:OXI589839 ONI589838:ONM589839 ODM589838:ODQ589839 NTQ589838:NTU589839 NJU589838:NJY589839 MZY589838:NAC589839 MQC589838:MQG589839 MGG589838:MGK589839 LWK589838:LWO589839 LMO589838:LMS589839 LCS589838:LCW589839 KSW589838:KTA589839 KJA589838:KJE589839 JZE589838:JZI589839 JPI589838:JPM589839 JFM589838:JFQ589839 IVQ589838:IVU589839 ILU589838:ILY589839 IBY589838:ICC589839 HSC589838:HSG589839 HIG589838:HIK589839 GYK589838:GYO589839 GOO589838:GOS589839 GES589838:GEW589839 FUW589838:FVA589839 FLA589838:FLE589839 FBE589838:FBI589839 ERI589838:ERM589839 EHM589838:EHQ589839 DXQ589838:DXU589839 DNU589838:DNY589839 DDY589838:DEC589839 CUC589838:CUG589839 CKG589838:CKK589839 CAK589838:CAO589839 BQO589838:BQS589839 BGS589838:BGW589839 AWW589838:AXA589839 ANA589838:ANE589839 ADE589838:ADI589839 TI589838:TM589839 JM589838:JQ589839 R589838:V589839 WVY524302:WWC524303 WMC524302:WMG524303 WCG524302:WCK524303 VSK524302:VSO524303 VIO524302:VIS524303 UYS524302:UYW524303 UOW524302:UPA524303 UFA524302:UFE524303 TVE524302:TVI524303 TLI524302:TLM524303 TBM524302:TBQ524303 SRQ524302:SRU524303 SHU524302:SHY524303 RXY524302:RYC524303 ROC524302:ROG524303 REG524302:REK524303 QUK524302:QUO524303 QKO524302:QKS524303 QAS524302:QAW524303 PQW524302:PRA524303 PHA524302:PHE524303 OXE524302:OXI524303 ONI524302:ONM524303 ODM524302:ODQ524303 NTQ524302:NTU524303 NJU524302:NJY524303 MZY524302:NAC524303 MQC524302:MQG524303 MGG524302:MGK524303 LWK524302:LWO524303 LMO524302:LMS524303 LCS524302:LCW524303 KSW524302:KTA524303 KJA524302:KJE524303 JZE524302:JZI524303 JPI524302:JPM524303 JFM524302:JFQ524303 IVQ524302:IVU524303 ILU524302:ILY524303 IBY524302:ICC524303 HSC524302:HSG524303 HIG524302:HIK524303 GYK524302:GYO524303 GOO524302:GOS524303 GES524302:GEW524303 FUW524302:FVA524303 FLA524302:FLE524303 FBE524302:FBI524303 ERI524302:ERM524303 EHM524302:EHQ524303 DXQ524302:DXU524303 DNU524302:DNY524303 DDY524302:DEC524303 CUC524302:CUG524303 CKG524302:CKK524303 CAK524302:CAO524303 BQO524302:BQS524303 BGS524302:BGW524303 AWW524302:AXA524303 ANA524302:ANE524303 ADE524302:ADI524303 TI524302:TM524303 JM524302:JQ524303 R524302:V524303 WVY458766:WWC458767 WMC458766:WMG458767 WCG458766:WCK458767 VSK458766:VSO458767 VIO458766:VIS458767 UYS458766:UYW458767 UOW458766:UPA458767 UFA458766:UFE458767 TVE458766:TVI458767 TLI458766:TLM458767 TBM458766:TBQ458767 SRQ458766:SRU458767 SHU458766:SHY458767 RXY458766:RYC458767 ROC458766:ROG458767 REG458766:REK458767 QUK458766:QUO458767 QKO458766:QKS458767 QAS458766:QAW458767 PQW458766:PRA458767 PHA458766:PHE458767 OXE458766:OXI458767 ONI458766:ONM458767 ODM458766:ODQ458767 NTQ458766:NTU458767 NJU458766:NJY458767 MZY458766:NAC458767 MQC458766:MQG458767 MGG458766:MGK458767 LWK458766:LWO458767 LMO458766:LMS458767 LCS458766:LCW458767 KSW458766:KTA458767 KJA458766:KJE458767 JZE458766:JZI458767 JPI458766:JPM458767 JFM458766:JFQ458767 IVQ458766:IVU458767 ILU458766:ILY458767 IBY458766:ICC458767 HSC458766:HSG458767 HIG458766:HIK458767 GYK458766:GYO458767 GOO458766:GOS458767 GES458766:GEW458767 FUW458766:FVA458767 FLA458766:FLE458767 FBE458766:FBI458767 ERI458766:ERM458767 EHM458766:EHQ458767 DXQ458766:DXU458767 DNU458766:DNY458767 DDY458766:DEC458767 CUC458766:CUG458767 CKG458766:CKK458767 CAK458766:CAO458767 BQO458766:BQS458767 BGS458766:BGW458767 AWW458766:AXA458767 ANA458766:ANE458767 ADE458766:ADI458767 TI458766:TM458767 JM458766:JQ458767 R458766:V458767 WVY393230:WWC393231 WMC393230:WMG393231 WCG393230:WCK393231 VSK393230:VSO393231 VIO393230:VIS393231 UYS393230:UYW393231 UOW393230:UPA393231 UFA393230:UFE393231 TVE393230:TVI393231 TLI393230:TLM393231 TBM393230:TBQ393231 SRQ393230:SRU393231 SHU393230:SHY393231 RXY393230:RYC393231 ROC393230:ROG393231 REG393230:REK393231 QUK393230:QUO393231 QKO393230:QKS393231 QAS393230:QAW393231 PQW393230:PRA393231 PHA393230:PHE393231 OXE393230:OXI393231 ONI393230:ONM393231 ODM393230:ODQ393231 NTQ393230:NTU393231 NJU393230:NJY393231 MZY393230:NAC393231 MQC393230:MQG393231 MGG393230:MGK393231 LWK393230:LWO393231 LMO393230:LMS393231 LCS393230:LCW393231 KSW393230:KTA393231 KJA393230:KJE393231 JZE393230:JZI393231 JPI393230:JPM393231 JFM393230:JFQ393231 IVQ393230:IVU393231 ILU393230:ILY393231 IBY393230:ICC393231 HSC393230:HSG393231 HIG393230:HIK393231 GYK393230:GYO393231 GOO393230:GOS393231 GES393230:GEW393231 FUW393230:FVA393231 FLA393230:FLE393231 FBE393230:FBI393231 ERI393230:ERM393231 EHM393230:EHQ393231 DXQ393230:DXU393231 DNU393230:DNY393231 DDY393230:DEC393231 CUC393230:CUG393231 CKG393230:CKK393231 CAK393230:CAO393231 BQO393230:BQS393231 BGS393230:BGW393231 AWW393230:AXA393231 ANA393230:ANE393231 ADE393230:ADI393231 TI393230:TM393231 JM393230:JQ393231 R393230:V393231 WVY327694:WWC327695 WMC327694:WMG327695 WCG327694:WCK327695 VSK327694:VSO327695 VIO327694:VIS327695 UYS327694:UYW327695 UOW327694:UPA327695 UFA327694:UFE327695 TVE327694:TVI327695 TLI327694:TLM327695 TBM327694:TBQ327695 SRQ327694:SRU327695 SHU327694:SHY327695 RXY327694:RYC327695 ROC327694:ROG327695 REG327694:REK327695 QUK327694:QUO327695 QKO327694:QKS327695 QAS327694:QAW327695 PQW327694:PRA327695 PHA327694:PHE327695 OXE327694:OXI327695 ONI327694:ONM327695 ODM327694:ODQ327695 NTQ327694:NTU327695 NJU327694:NJY327695 MZY327694:NAC327695 MQC327694:MQG327695 MGG327694:MGK327695 LWK327694:LWO327695 LMO327694:LMS327695 LCS327694:LCW327695 KSW327694:KTA327695 KJA327694:KJE327695 JZE327694:JZI327695 JPI327694:JPM327695 JFM327694:JFQ327695 IVQ327694:IVU327695 ILU327694:ILY327695 IBY327694:ICC327695 HSC327694:HSG327695 HIG327694:HIK327695 GYK327694:GYO327695 GOO327694:GOS327695 GES327694:GEW327695 FUW327694:FVA327695 FLA327694:FLE327695 FBE327694:FBI327695 ERI327694:ERM327695 EHM327694:EHQ327695 DXQ327694:DXU327695 DNU327694:DNY327695 DDY327694:DEC327695 CUC327694:CUG327695 CKG327694:CKK327695 CAK327694:CAO327695 BQO327694:BQS327695 BGS327694:BGW327695 AWW327694:AXA327695 ANA327694:ANE327695 ADE327694:ADI327695 TI327694:TM327695 JM327694:JQ327695 R327694:V327695 WVY262158:WWC262159 WMC262158:WMG262159 WCG262158:WCK262159 VSK262158:VSO262159 VIO262158:VIS262159 UYS262158:UYW262159 UOW262158:UPA262159 UFA262158:UFE262159 TVE262158:TVI262159 TLI262158:TLM262159 TBM262158:TBQ262159 SRQ262158:SRU262159 SHU262158:SHY262159 RXY262158:RYC262159 ROC262158:ROG262159 REG262158:REK262159 QUK262158:QUO262159 QKO262158:QKS262159 QAS262158:QAW262159 PQW262158:PRA262159 PHA262158:PHE262159 OXE262158:OXI262159 ONI262158:ONM262159 ODM262158:ODQ262159 NTQ262158:NTU262159 NJU262158:NJY262159 MZY262158:NAC262159 MQC262158:MQG262159 MGG262158:MGK262159 LWK262158:LWO262159 LMO262158:LMS262159 LCS262158:LCW262159 KSW262158:KTA262159 KJA262158:KJE262159 JZE262158:JZI262159 JPI262158:JPM262159 JFM262158:JFQ262159 IVQ262158:IVU262159 ILU262158:ILY262159 IBY262158:ICC262159 HSC262158:HSG262159 HIG262158:HIK262159 GYK262158:GYO262159 GOO262158:GOS262159 GES262158:GEW262159 FUW262158:FVA262159 FLA262158:FLE262159 FBE262158:FBI262159 ERI262158:ERM262159 EHM262158:EHQ262159 DXQ262158:DXU262159 DNU262158:DNY262159 DDY262158:DEC262159 CUC262158:CUG262159 CKG262158:CKK262159 CAK262158:CAO262159 BQO262158:BQS262159 BGS262158:BGW262159 AWW262158:AXA262159 ANA262158:ANE262159 ADE262158:ADI262159 TI262158:TM262159 JM262158:JQ262159 R262158:V262159 WVY196622:WWC196623 WMC196622:WMG196623 WCG196622:WCK196623 VSK196622:VSO196623 VIO196622:VIS196623 UYS196622:UYW196623 UOW196622:UPA196623 UFA196622:UFE196623 TVE196622:TVI196623 TLI196622:TLM196623 TBM196622:TBQ196623 SRQ196622:SRU196623 SHU196622:SHY196623 RXY196622:RYC196623 ROC196622:ROG196623 REG196622:REK196623 QUK196622:QUO196623 QKO196622:QKS196623 QAS196622:QAW196623 PQW196622:PRA196623 PHA196622:PHE196623 OXE196622:OXI196623 ONI196622:ONM196623 ODM196622:ODQ196623 NTQ196622:NTU196623 NJU196622:NJY196623 MZY196622:NAC196623 MQC196622:MQG196623 MGG196622:MGK196623 LWK196622:LWO196623 LMO196622:LMS196623 LCS196622:LCW196623 KSW196622:KTA196623 KJA196622:KJE196623 JZE196622:JZI196623 JPI196622:JPM196623 JFM196622:JFQ196623 IVQ196622:IVU196623 ILU196622:ILY196623 IBY196622:ICC196623 HSC196622:HSG196623 HIG196622:HIK196623 GYK196622:GYO196623 GOO196622:GOS196623 GES196622:GEW196623 FUW196622:FVA196623 FLA196622:FLE196623 FBE196622:FBI196623 ERI196622:ERM196623 EHM196622:EHQ196623 DXQ196622:DXU196623 DNU196622:DNY196623 DDY196622:DEC196623 CUC196622:CUG196623 CKG196622:CKK196623 CAK196622:CAO196623 BQO196622:BQS196623 BGS196622:BGW196623 AWW196622:AXA196623 ANA196622:ANE196623 ADE196622:ADI196623 TI196622:TM196623 JM196622:JQ196623 R196622:V196623 WVY131086:WWC131087 WMC131086:WMG131087 WCG131086:WCK131087 VSK131086:VSO131087 VIO131086:VIS131087 UYS131086:UYW131087 UOW131086:UPA131087 UFA131086:UFE131087 TVE131086:TVI131087 TLI131086:TLM131087 TBM131086:TBQ131087 SRQ131086:SRU131087 SHU131086:SHY131087 RXY131086:RYC131087 ROC131086:ROG131087 REG131086:REK131087 QUK131086:QUO131087 QKO131086:QKS131087 QAS131086:QAW131087 PQW131086:PRA131087 PHA131086:PHE131087 OXE131086:OXI131087 ONI131086:ONM131087 ODM131086:ODQ131087 NTQ131086:NTU131087 NJU131086:NJY131087 MZY131086:NAC131087 MQC131086:MQG131087 MGG131086:MGK131087 LWK131086:LWO131087 LMO131086:LMS131087 LCS131086:LCW131087 KSW131086:KTA131087 KJA131086:KJE131087 JZE131086:JZI131087 JPI131086:JPM131087 JFM131086:JFQ131087 IVQ131086:IVU131087 ILU131086:ILY131087 IBY131086:ICC131087 HSC131086:HSG131087 HIG131086:HIK131087 GYK131086:GYO131087 GOO131086:GOS131087 GES131086:GEW131087 FUW131086:FVA131087 FLA131086:FLE131087 FBE131086:FBI131087 ERI131086:ERM131087 EHM131086:EHQ131087 DXQ131086:DXU131087 DNU131086:DNY131087 DDY131086:DEC131087 CUC131086:CUG131087 CKG131086:CKK131087 CAK131086:CAO131087 BQO131086:BQS131087 BGS131086:BGW131087 AWW131086:AXA131087 ANA131086:ANE131087 ADE131086:ADI131087 TI131086:TM131087 JM131086:JQ131087 R131086:V131087 WVY65550:WWC65551 WMC65550:WMG65551 WCG65550:WCK65551 VSK65550:VSO65551 VIO65550:VIS65551 UYS65550:UYW65551 UOW65550:UPA65551 UFA65550:UFE65551 TVE65550:TVI65551 TLI65550:TLM65551 TBM65550:TBQ65551 SRQ65550:SRU65551 SHU65550:SHY65551 RXY65550:RYC65551 ROC65550:ROG65551 REG65550:REK65551 QUK65550:QUO65551 QKO65550:QKS65551 QAS65550:QAW65551 PQW65550:PRA65551 PHA65550:PHE65551 OXE65550:OXI65551 ONI65550:ONM65551 ODM65550:ODQ65551 NTQ65550:NTU65551 NJU65550:NJY65551 MZY65550:NAC65551 MQC65550:MQG65551 MGG65550:MGK65551 LWK65550:LWO65551 LMO65550:LMS65551 LCS65550:LCW65551 KSW65550:KTA65551 KJA65550:KJE65551 JZE65550:JZI65551 JPI65550:JPM65551 JFM65550:JFQ65551 IVQ65550:IVU65551 ILU65550:ILY65551 IBY65550:ICC65551 HSC65550:HSG65551 HIG65550:HIK65551 GYK65550:GYO65551 GOO65550:GOS65551 GES65550:GEW65551 FUW65550:FVA65551 FLA65550:FLE65551 FBE65550:FBI65551 ERI65550:ERM65551 EHM65550:EHQ65551 DXQ65550:DXU65551 DNU65550:DNY65551 DDY65550:DEC65551 CUC65550:CUG65551 CKG65550:CKK65551 CAK65550:CAO65551 BQO65550:BQS65551 BGS65550:BGW65551 AWW65550:AXA65551 ANA65550:ANE65551 ADE65550:ADI65551 TI65550:TM65551 JM65550:JQ65551 R65550:V65551 WVY14:WWC15 WMC14:WMG15 WCG14:WCK15 VSK14:VSO15 VIO14:VIS15 UYS14:UYW15 UOW14:UPA15 UFA14:UFE15 TVE14:TVI15 TLI14:TLM15 TBM14:TBQ15 SRQ14:SRU15 SHU14:SHY15 RXY14:RYC15 ROC14:ROG15 REG14:REK15 QUK14:QUO15 QKO14:QKS15 QAS14:QAW15 PQW14:PRA15 PHA14:PHE15 OXE14:OXI15 ONI14:ONM15 ODM14:ODQ15 NTQ14:NTU15 NJU14:NJY15 MZY14:NAC15 MQC14:MQG15 MGG14:MGK15 LWK14:LWO15 LMO14:LMS15 LCS14:LCW15 KSW14:KTA15 KJA14:KJE15 JZE14:JZI15 JPI14:JPM15 JFM14:JFQ15 IVQ14:IVU15 ILU14:ILY15 IBY14:ICC15 HSC14:HSG15 HIG14:HIK15 GYK14:GYO15 GOO14:GOS15 GES14:GEW15 FUW14:FVA15 FLA14:FLE15 FBE14:FBI15 ERI14:ERM15 EHM14:EHQ15 DXQ14:DXU15 DNU14:DNY15 DDY14:DEC15 CUC14:CUG15 CKG14:CKK15 CAK14:CAO15 BQO14:BQS15 BGS14:BGW15 AWW14:AXA15 ANA14:ANE15 ADE14:ADI15 TI14:TM15 JM14:JQ15 R11:V12 WVT983051:WVW983052 WLX983051:WMA983052 WCB983051:WCE983052 VSF983051:VSI983052 VIJ983051:VIM983052 UYN983051:UYQ983052 UOR983051:UOU983052 UEV983051:UEY983052 TUZ983051:TVC983052 TLD983051:TLG983052 TBH983051:TBK983052 SRL983051:SRO983052 SHP983051:SHS983052 RXT983051:RXW983052 RNX983051:ROA983052 REB983051:REE983052 QUF983051:QUI983052 QKJ983051:QKM983052 QAN983051:QAQ983052 PQR983051:PQU983052 PGV983051:PGY983052 OWZ983051:OXC983052 OND983051:ONG983052 ODH983051:ODK983052 NTL983051:NTO983052 NJP983051:NJS983052 MZT983051:MZW983052 MPX983051:MQA983052 MGB983051:MGE983052 LWF983051:LWI983052 LMJ983051:LMM983052 LCN983051:LCQ983052 KSR983051:KSU983052 KIV983051:KIY983052 JYZ983051:JZC983052 JPD983051:JPG983052 JFH983051:JFK983052 IVL983051:IVO983052 ILP983051:ILS983052 IBT983051:IBW983052 HRX983051:HSA983052 HIB983051:HIE983052 GYF983051:GYI983052 GOJ983051:GOM983052 GEN983051:GEQ983052 FUR983051:FUU983052 FKV983051:FKY983052 FAZ983051:FBC983052 ERD983051:ERG983052 EHH983051:EHK983052 DXL983051:DXO983052 DNP983051:DNS983052 DDT983051:DDW983052 CTX983051:CUA983052 CKB983051:CKE983052 CAF983051:CAI983052 BQJ983051:BQM983052 BGN983051:BGQ983052 AWR983051:AWU983052 AMV983051:AMY983052 ACZ983051:ADC983052 TD983051:TG983052 JH983051:JK983052 M983051:P983052 WVT917515:WVW917516 WLX917515:WMA917516 WCB917515:WCE917516 VSF917515:VSI917516 VIJ917515:VIM917516 UYN917515:UYQ917516 UOR917515:UOU917516 UEV917515:UEY917516 TUZ917515:TVC917516 TLD917515:TLG917516 TBH917515:TBK917516 SRL917515:SRO917516 SHP917515:SHS917516 RXT917515:RXW917516 RNX917515:ROA917516 REB917515:REE917516 QUF917515:QUI917516 QKJ917515:QKM917516 QAN917515:QAQ917516 PQR917515:PQU917516 PGV917515:PGY917516 OWZ917515:OXC917516 OND917515:ONG917516 ODH917515:ODK917516 NTL917515:NTO917516 NJP917515:NJS917516 MZT917515:MZW917516 MPX917515:MQA917516 MGB917515:MGE917516 LWF917515:LWI917516 LMJ917515:LMM917516 LCN917515:LCQ917516 KSR917515:KSU917516 KIV917515:KIY917516 JYZ917515:JZC917516 JPD917515:JPG917516 JFH917515:JFK917516 IVL917515:IVO917516 ILP917515:ILS917516 IBT917515:IBW917516 HRX917515:HSA917516 HIB917515:HIE917516 GYF917515:GYI917516 GOJ917515:GOM917516 GEN917515:GEQ917516 FUR917515:FUU917516 FKV917515:FKY917516 FAZ917515:FBC917516 ERD917515:ERG917516 EHH917515:EHK917516 DXL917515:DXO917516 DNP917515:DNS917516 DDT917515:DDW917516 CTX917515:CUA917516 CKB917515:CKE917516 CAF917515:CAI917516 BQJ917515:BQM917516 BGN917515:BGQ917516 AWR917515:AWU917516 AMV917515:AMY917516 ACZ917515:ADC917516 TD917515:TG917516 JH917515:JK917516 M917515:P917516 WVT851979:WVW851980 WLX851979:WMA851980 WCB851979:WCE851980 VSF851979:VSI851980 VIJ851979:VIM851980 UYN851979:UYQ851980 UOR851979:UOU851980 UEV851979:UEY851980 TUZ851979:TVC851980 TLD851979:TLG851980 TBH851979:TBK851980 SRL851979:SRO851980 SHP851979:SHS851980 RXT851979:RXW851980 RNX851979:ROA851980 REB851979:REE851980 QUF851979:QUI851980 QKJ851979:QKM851980 QAN851979:QAQ851980 PQR851979:PQU851980 PGV851979:PGY851980 OWZ851979:OXC851980 OND851979:ONG851980 ODH851979:ODK851980 NTL851979:NTO851980 NJP851979:NJS851980 MZT851979:MZW851980 MPX851979:MQA851980 MGB851979:MGE851980 LWF851979:LWI851980 LMJ851979:LMM851980 LCN851979:LCQ851980 KSR851979:KSU851980 KIV851979:KIY851980 JYZ851979:JZC851980 JPD851979:JPG851980 JFH851979:JFK851980 IVL851979:IVO851980 ILP851979:ILS851980 IBT851979:IBW851980 HRX851979:HSA851980 HIB851979:HIE851980 GYF851979:GYI851980 GOJ851979:GOM851980 GEN851979:GEQ851980 FUR851979:FUU851980 FKV851979:FKY851980 FAZ851979:FBC851980 ERD851979:ERG851980 EHH851979:EHK851980 DXL851979:DXO851980 DNP851979:DNS851980 DDT851979:DDW851980 CTX851979:CUA851980 CKB851979:CKE851980 CAF851979:CAI851980 BQJ851979:BQM851980 BGN851979:BGQ851980 AWR851979:AWU851980 AMV851979:AMY851980 ACZ851979:ADC851980 TD851979:TG851980 JH851979:JK851980 M851979:P851980 WVT786443:WVW786444 WLX786443:WMA786444 WCB786443:WCE786444 VSF786443:VSI786444 VIJ786443:VIM786444 UYN786443:UYQ786444 UOR786443:UOU786444 UEV786443:UEY786444 TUZ786443:TVC786444 TLD786443:TLG786444 TBH786443:TBK786444 SRL786443:SRO786444 SHP786443:SHS786444 RXT786443:RXW786444 RNX786443:ROA786444 REB786443:REE786444 QUF786443:QUI786444 QKJ786443:QKM786444 QAN786443:QAQ786444 PQR786443:PQU786444 PGV786443:PGY786444 OWZ786443:OXC786444 OND786443:ONG786444 ODH786443:ODK786444 NTL786443:NTO786444 NJP786443:NJS786444 MZT786443:MZW786444 MPX786443:MQA786444 MGB786443:MGE786444 LWF786443:LWI786444 LMJ786443:LMM786444 LCN786443:LCQ786444 KSR786443:KSU786444 KIV786443:KIY786444 JYZ786443:JZC786444 JPD786443:JPG786444 JFH786443:JFK786444 IVL786443:IVO786444 ILP786443:ILS786444 IBT786443:IBW786444 HRX786443:HSA786444 HIB786443:HIE786444 GYF786443:GYI786444 GOJ786443:GOM786444 GEN786443:GEQ786444 FUR786443:FUU786444 FKV786443:FKY786444 FAZ786443:FBC786444 ERD786443:ERG786444 EHH786443:EHK786444 DXL786443:DXO786444 DNP786443:DNS786444 DDT786443:DDW786444 CTX786443:CUA786444 CKB786443:CKE786444 CAF786443:CAI786444 BQJ786443:BQM786444 BGN786443:BGQ786444 AWR786443:AWU786444 AMV786443:AMY786444 ACZ786443:ADC786444 TD786443:TG786444 JH786443:JK786444 M786443:P786444 WVT720907:WVW720908 WLX720907:WMA720908 WCB720907:WCE720908 VSF720907:VSI720908 VIJ720907:VIM720908 UYN720907:UYQ720908 UOR720907:UOU720908 UEV720907:UEY720908 TUZ720907:TVC720908 TLD720907:TLG720908 TBH720907:TBK720908 SRL720907:SRO720908 SHP720907:SHS720908 RXT720907:RXW720908 RNX720907:ROA720908 REB720907:REE720908 QUF720907:QUI720908 QKJ720907:QKM720908 QAN720907:QAQ720908 PQR720907:PQU720908 PGV720907:PGY720908 OWZ720907:OXC720908 OND720907:ONG720908 ODH720907:ODK720908 NTL720907:NTO720908 NJP720907:NJS720908 MZT720907:MZW720908 MPX720907:MQA720908 MGB720907:MGE720908 LWF720907:LWI720908 LMJ720907:LMM720908 LCN720907:LCQ720908 KSR720907:KSU720908 KIV720907:KIY720908 JYZ720907:JZC720908 JPD720907:JPG720908 JFH720907:JFK720908 IVL720907:IVO720908 ILP720907:ILS720908 IBT720907:IBW720908 HRX720907:HSA720908 HIB720907:HIE720908 GYF720907:GYI720908 GOJ720907:GOM720908 GEN720907:GEQ720908 FUR720907:FUU720908 FKV720907:FKY720908 FAZ720907:FBC720908 ERD720907:ERG720908 EHH720907:EHK720908 DXL720907:DXO720908 DNP720907:DNS720908 DDT720907:DDW720908 CTX720907:CUA720908 CKB720907:CKE720908 CAF720907:CAI720908 BQJ720907:BQM720908 BGN720907:BGQ720908 AWR720907:AWU720908 AMV720907:AMY720908 ACZ720907:ADC720908 TD720907:TG720908 JH720907:JK720908 M720907:P720908 WVT655371:WVW655372 WLX655371:WMA655372 WCB655371:WCE655372 VSF655371:VSI655372 VIJ655371:VIM655372 UYN655371:UYQ655372 UOR655371:UOU655372 UEV655371:UEY655372 TUZ655371:TVC655372 TLD655371:TLG655372 TBH655371:TBK655372 SRL655371:SRO655372 SHP655371:SHS655372 RXT655371:RXW655372 RNX655371:ROA655372 REB655371:REE655372 QUF655371:QUI655372 QKJ655371:QKM655372 QAN655371:QAQ655372 PQR655371:PQU655372 PGV655371:PGY655372 OWZ655371:OXC655372 OND655371:ONG655372 ODH655371:ODK655372 NTL655371:NTO655372 NJP655371:NJS655372 MZT655371:MZW655372 MPX655371:MQA655372 MGB655371:MGE655372 LWF655371:LWI655372 LMJ655371:LMM655372 LCN655371:LCQ655372 KSR655371:KSU655372 KIV655371:KIY655372 JYZ655371:JZC655372 JPD655371:JPG655372 JFH655371:JFK655372 IVL655371:IVO655372 ILP655371:ILS655372 IBT655371:IBW655372 HRX655371:HSA655372 HIB655371:HIE655372 GYF655371:GYI655372 GOJ655371:GOM655372 GEN655371:GEQ655372 FUR655371:FUU655372 FKV655371:FKY655372 FAZ655371:FBC655372 ERD655371:ERG655372 EHH655371:EHK655372 DXL655371:DXO655372 DNP655371:DNS655372 DDT655371:DDW655372 CTX655371:CUA655372 CKB655371:CKE655372 CAF655371:CAI655372 BQJ655371:BQM655372 BGN655371:BGQ655372 AWR655371:AWU655372 AMV655371:AMY655372 ACZ655371:ADC655372 TD655371:TG655372 JH655371:JK655372 M655371:P655372 WVT589835:WVW589836 WLX589835:WMA589836 WCB589835:WCE589836 VSF589835:VSI589836 VIJ589835:VIM589836 UYN589835:UYQ589836 UOR589835:UOU589836 UEV589835:UEY589836 TUZ589835:TVC589836 TLD589835:TLG589836 TBH589835:TBK589836 SRL589835:SRO589836 SHP589835:SHS589836 RXT589835:RXW589836 RNX589835:ROA589836 REB589835:REE589836 QUF589835:QUI589836 QKJ589835:QKM589836 QAN589835:QAQ589836 PQR589835:PQU589836 PGV589835:PGY589836 OWZ589835:OXC589836 OND589835:ONG589836 ODH589835:ODK589836 NTL589835:NTO589836 NJP589835:NJS589836 MZT589835:MZW589836 MPX589835:MQA589836 MGB589835:MGE589836 LWF589835:LWI589836 LMJ589835:LMM589836 LCN589835:LCQ589836 KSR589835:KSU589836 KIV589835:KIY589836 JYZ589835:JZC589836 JPD589835:JPG589836 JFH589835:JFK589836 IVL589835:IVO589836 ILP589835:ILS589836 IBT589835:IBW589836 HRX589835:HSA589836 HIB589835:HIE589836 GYF589835:GYI589836 GOJ589835:GOM589836 GEN589835:GEQ589836 FUR589835:FUU589836 FKV589835:FKY589836 FAZ589835:FBC589836 ERD589835:ERG589836 EHH589835:EHK589836 DXL589835:DXO589836 DNP589835:DNS589836 DDT589835:DDW589836 CTX589835:CUA589836 CKB589835:CKE589836 CAF589835:CAI589836 BQJ589835:BQM589836 BGN589835:BGQ589836 AWR589835:AWU589836 AMV589835:AMY589836 ACZ589835:ADC589836 TD589835:TG589836 JH589835:JK589836 M589835:P589836 WVT524299:WVW524300 WLX524299:WMA524300 WCB524299:WCE524300 VSF524299:VSI524300 VIJ524299:VIM524300 UYN524299:UYQ524300 UOR524299:UOU524300 UEV524299:UEY524300 TUZ524299:TVC524300 TLD524299:TLG524300 TBH524299:TBK524300 SRL524299:SRO524300 SHP524299:SHS524300 RXT524299:RXW524300 RNX524299:ROA524300 REB524299:REE524300 QUF524299:QUI524300 QKJ524299:QKM524300 QAN524299:QAQ524300 PQR524299:PQU524300 PGV524299:PGY524300 OWZ524299:OXC524300 OND524299:ONG524300 ODH524299:ODK524300 NTL524299:NTO524300 NJP524299:NJS524300 MZT524299:MZW524300 MPX524299:MQA524300 MGB524299:MGE524300 LWF524299:LWI524300 LMJ524299:LMM524300 LCN524299:LCQ524300 KSR524299:KSU524300 KIV524299:KIY524300 JYZ524299:JZC524300 JPD524299:JPG524300 JFH524299:JFK524300 IVL524299:IVO524300 ILP524299:ILS524300 IBT524299:IBW524300 HRX524299:HSA524300 HIB524299:HIE524300 GYF524299:GYI524300 GOJ524299:GOM524300 GEN524299:GEQ524300 FUR524299:FUU524300 FKV524299:FKY524300 FAZ524299:FBC524300 ERD524299:ERG524300 EHH524299:EHK524300 DXL524299:DXO524300 DNP524299:DNS524300 DDT524299:DDW524300 CTX524299:CUA524300 CKB524299:CKE524300 CAF524299:CAI524300 BQJ524299:BQM524300 BGN524299:BGQ524300 AWR524299:AWU524300 AMV524299:AMY524300 ACZ524299:ADC524300 TD524299:TG524300 JH524299:JK524300 M524299:P524300 WVT458763:WVW458764 WLX458763:WMA458764 WCB458763:WCE458764 VSF458763:VSI458764 VIJ458763:VIM458764 UYN458763:UYQ458764 UOR458763:UOU458764 UEV458763:UEY458764 TUZ458763:TVC458764 TLD458763:TLG458764 TBH458763:TBK458764 SRL458763:SRO458764 SHP458763:SHS458764 RXT458763:RXW458764 RNX458763:ROA458764 REB458763:REE458764 QUF458763:QUI458764 QKJ458763:QKM458764 QAN458763:QAQ458764 PQR458763:PQU458764 PGV458763:PGY458764 OWZ458763:OXC458764 OND458763:ONG458764 ODH458763:ODK458764 NTL458763:NTO458764 NJP458763:NJS458764 MZT458763:MZW458764 MPX458763:MQA458764 MGB458763:MGE458764 LWF458763:LWI458764 LMJ458763:LMM458764 LCN458763:LCQ458764 KSR458763:KSU458764 KIV458763:KIY458764 JYZ458763:JZC458764 JPD458763:JPG458764 JFH458763:JFK458764 IVL458763:IVO458764 ILP458763:ILS458764 IBT458763:IBW458764 HRX458763:HSA458764 HIB458763:HIE458764 GYF458763:GYI458764 GOJ458763:GOM458764 GEN458763:GEQ458764 FUR458763:FUU458764 FKV458763:FKY458764 FAZ458763:FBC458764 ERD458763:ERG458764 EHH458763:EHK458764 DXL458763:DXO458764 DNP458763:DNS458764 DDT458763:DDW458764 CTX458763:CUA458764 CKB458763:CKE458764 CAF458763:CAI458764 BQJ458763:BQM458764 BGN458763:BGQ458764 AWR458763:AWU458764 AMV458763:AMY458764 ACZ458763:ADC458764 TD458763:TG458764 JH458763:JK458764 M458763:P458764 WVT393227:WVW393228 WLX393227:WMA393228 WCB393227:WCE393228 VSF393227:VSI393228 VIJ393227:VIM393228 UYN393227:UYQ393228 UOR393227:UOU393228 UEV393227:UEY393228 TUZ393227:TVC393228 TLD393227:TLG393228 TBH393227:TBK393228 SRL393227:SRO393228 SHP393227:SHS393228 RXT393227:RXW393228 RNX393227:ROA393228 REB393227:REE393228 QUF393227:QUI393228 QKJ393227:QKM393228 QAN393227:QAQ393228 PQR393227:PQU393228 PGV393227:PGY393228 OWZ393227:OXC393228 OND393227:ONG393228 ODH393227:ODK393228 NTL393227:NTO393228 NJP393227:NJS393228 MZT393227:MZW393228 MPX393227:MQA393228 MGB393227:MGE393228 LWF393227:LWI393228 LMJ393227:LMM393228 LCN393227:LCQ393228 KSR393227:KSU393228 KIV393227:KIY393228 JYZ393227:JZC393228 JPD393227:JPG393228 JFH393227:JFK393228 IVL393227:IVO393228 ILP393227:ILS393228 IBT393227:IBW393228 HRX393227:HSA393228 HIB393227:HIE393228 GYF393227:GYI393228 GOJ393227:GOM393228 GEN393227:GEQ393228 FUR393227:FUU393228 FKV393227:FKY393228 FAZ393227:FBC393228 ERD393227:ERG393228 EHH393227:EHK393228 DXL393227:DXO393228 DNP393227:DNS393228 DDT393227:DDW393228 CTX393227:CUA393228 CKB393227:CKE393228 CAF393227:CAI393228 BQJ393227:BQM393228 BGN393227:BGQ393228 AWR393227:AWU393228 AMV393227:AMY393228 ACZ393227:ADC393228 TD393227:TG393228 JH393227:JK393228 M393227:P393228 WVT327691:WVW327692 WLX327691:WMA327692 WCB327691:WCE327692 VSF327691:VSI327692 VIJ327691:VIM327692 UYN327691:UYQ327692 UOR327691:UOU327692 UEV327691:UEY327692 TUZ327691:TVC327692 TLD327691:TLG327692 TBH327691:TBK327692 SRL327691:SRO327692 SHP327691:SHS327692 RXT327691:RXW327692 RNX327691:ROA327692 REB327691:REE327692 QUF327691:QUI327692 QKJ327691:QKM327692 QAN327691:QAQ327692 PQR327691:PQU327692 PGV327691:PGY327692 OWZ327691:OXC327692 OND327691:ONG327692 ODH327691:ODK327692 NTL327691:NTO327692 NJP327691:NJS327692 MZT327691:MZW327692 MPX327691:MQA327692 MGB327691:MGE327692 LWF327691:LWI327692 LMJ327691:LMM327692 LCN327691:LCQ327692 KSR327691:KSU327692 KIV327691:KIY327692 JYZ327691:JZC327692 JPD327691:JPG327692 JFH327691:JFK327692 IVL327691:IVO327692 ILP327691:ILS327692 IBT327691:IBW327692 HRX327691:HSA327692 HIB327691:HIE327692 GYF327691:GYI327692 GOJ327691:GOM327692 GEN327691:GEQ327692 FUR327691:FUU327692 FKV327691:FKY327692 FAZ327691:FBC327692 ERD327691:ERG327692 EHH327691:EHK327692 DXL327691:DXO327692 DNP327691:DNS327692 DDT327691:DDW327692 CTX327691:CUA327692 CKB327691:CKE327692 CAF327691:CAI327692 BQJ327691:BQM327692 BGN327691:BGQ327692 AWR327691:AWU327692 AMV327691:AMY327692 ACZ327691:ADC327692 TD327691:TG327692 JH327691:JK327692 M327691:P327692 WVT262155:WVW262156 WLX262155:WMA262156 WCB262155:WCE262156 VSF262155:VSI262156 VIJ262155:VIM262156 UYN262155:UYQ262156 UOR262155:UOU262156 UEV262155:UEY262156 TUZ262155:TVC262156 TLD262155:TLG262156 TBH262155:TBK262156 SRL262155:SRO262156 SHP262155:SHS262156 RXT262155:RXW262156 RNX262155:ROA262156 REB262155:REE262156 QUF262155:QUI262156 QKJ262155:QKM262156 QAN262155:QAQ262156 PQR262155:PQU262156 PGV262155:PGY262156 OWZ262155:OXC262156 OND262155:ONG262156 ODH262155:ODK262156 NTL262155:NTO262156 NJP262155:NJS262156 MZT262155:MZW262156 MPX262155:MQA262156 MGB262155:MGE262156 LWF262155:LWI262156 LMJ262155:LMM262156 LCN262155:LCQ262156 KSR262155:KSU262156 KIV262155:KIY262156 JYZ262155:JZC262156 JPD262155:JPG262156 JFH262155:JFK262156 IVL262155:IVO262156 ILP262155:ILS262156 IBT262155:IBW262156 HRX262155:HSA262156 HIB262155:HIE262156 GYF262155:GYI262156 GOJ262155:GOM262156 GEN262155:GEQ262156 FUR262155:FUU262156 FKV262155:FKY262156 FAZ262155:FBC262156 ERD262155:ERG262156 EHH262155:EHK262156 DXL262155:DXO262156 DNP262155:DNS262156 DDT262155:DDW262156 CTX262155:CUA262156 CKB262155:CKE262156 CAF262155:CAI262156 BQJ262155:BQM262156 BGN262155:BGQ262156 AWR262155:AWU262156 AMV262155:AMY262156 ACZ262155:ADC262156 TD262155:TG262156 JH262155:JK262156 M262155:P262156 WVT196619:WVW196620 WLX196619:WMA196620 WCB196619:WCE196620 VSF196619:VSI196620 VIJ196619:VIM196620 UYN196619:UYQ196620 UOR196619:UOU196620 UEV196619:UEY196620 TUZ196619:TVC196620 TLD196619:TLG196620 TBH196619:TBK196620 SRL196619:SRO196620 SHP196619:SHS196620 RXT196619:RXW196620 RNX196619:ROA196620 REB196619:REE196620 QUF196619:QUI196620 QKJ196619:QKM196620 QAN196619:QAQ196620 PQR196619:PQU196620 PGV196619:PGY196620 OWZ196619:OXC196620 OND196619:ONG196620 ODH196619:ODK196620 NTL196619:NTO196620 NJP196619:NJS196620 MZT196619:MZW196620 MPX196619:MQA196620 MGB196619:MGE196620 LWF196619:LWI196620 LMJ196619:LMM196620 LCN196619:LCQ196620 KSR196619:KSU196620 KIV196619:KIY196620 JYZ196619:JZC196620 JPD196619:JPG196620 JFH196619:JFK196620 IVL196619:IVO196620 ILP196619:ILS196620 IBT196619:IBW196620 HRX196619:HSA196620 HIB196619:HIE196620 GYF196619:GYI196620 GOJ196619:GOM196620 GEN196619:GEQ196620 FUR196619:FUU196620 FKV196619:FKY196620 FAZ196619:FBC196620 ERD196619:ERG196620 EHH196619:EHK196620 DXL196619:DXO196620 DNP196619:DNS196620 DDT196619:DDW196620 CTX196619:CUA196620 CKB196619:CKE196620 CAF196619:CAI196620 BQJ196619:BQM196620 BGN196619:BGQ196620 AWR196619:AWU196620 AMV196619:AMY196620 ACZ196619:ADC196620 TD196619:TG196620 JH196619:JK196620 M196619:P196620 WVT131083:WVW131084 WLX131083:WMA131084 WCB131083:WCE131084 VSF131083:VSI131084 VIJ131083:VIM131084 UYN131083:UYQ131084 UOR131083:UOU131084 UEV131083:UEY131084 TUZ131083:TVC131084 TLD131083:TLG131084 TBH131083:TBK131084 SRL131083:SRO131084 SHP131083:SHS131084 RXT131083:RXW131084 RNX131083:ROA131084 REB131083:REE131084 QUF131083:QUI131084 QKJ131083:QKM131084 QAN131083:QAQ131084 PQR131083:PQU131084 PGV131083:PGY131084 OWZ131083:OXC131084 OND131083:ONG131084 ODH131083:ODK131084 NTL131083:NTO131084 NJP131083:NJS131084 MZT131083:MZW131084 MPX131083:MQA131084 MGB131083:MGE131084 LWF131083:LWI131084 LMJ131083:LMM131084 LCN131083:LCQ131084 KSR131083:KSU131084 KIV131083:KIY131084 JYZ131083:JZC131084 JPD131083:JPG131084 JFH131083:JFK131084 IVL131083:IVO131084 ILP131083:ILS131084 IBT131083:IBW131084 HRX131083:HSA131084 HIB131083:HIE131084 GYF131083:GYI131084 GOJ131083:GOM131084 GEN131083:GEQ131084 FUR131083:FUU131084 FKV131083:FKY131084 FAZ131083:FBC131084 ERD131083:ERG131084 EHH131083:EHK131084 DXL131083:DXO131084 DNP131083:DNS131084 DDT131083:DDW131084 CTX131083:CUA131084 CKB131083:CKE131084 CAF131083:CAI131084 BQJ131083:BQM131084 BGN131083:BGQ131084 AWR131083:AWU131084 AMV131083:AMY131084 ACZ131083:ADC131084 TD131083:TG131084 JH131083:JK131084 M131083:P131084 WVT65547:WVW65548 WLX65547:WMA65548 WCB65547:WCE65548 VSF65547:VSI65548 VIJ65547:VIM65548 UYN65547:UYQ65548 UOR65547:UOU65548 UEV65547:UEY65548 TUZ65547:TVC65548 TLD65547:TLG65548 TBH65547:TBK65548 SRL65547:SRO65548 SHP65547:SHS65548 RXT65547:RXW65548 RNX65547:ROA65548 REB65547:REE65548 QUF65547:QUI65548 QKJ65547:QKM65548 QAN65547:QAQ65548 PQR65547:PQU65548 PGV65547:PGY65548 OWZ65547:OXC65548 OND65547:ONG65548 ODH65547:ODK65548 NTL65547:NTO65548 NJP65547:NJS65548 MZT65547:MZW65548 MPX65547:MQA65548 MGB65547:MGE65548 LWF65547:LWI65548 LMJ65547:LMM65548 LCN65547:LCQ65548 KSR65547:KSU65548 KIV65547:KIY65548 JYZ65547:JZC65548 JPD65547:JPG65548 JFH65547:JFK65548 IVL65547:IVO65548 ILP65547:ILS65548 IBT65547:IBW65548 HRX65547:HSA65548 HIB65547:HIE65548 GYF65547:GYI65548 GOJ65547:GOM65548 GEN65547:GEQ65548 FUR65547:FUU65548 FKV65547:FKY65548 FAZ65547:FBC65548 ERD65547:ERG65548 EHH65547:EHK65548 DXL65547:DXO65548 DNP65547:DNS65548 DDT65547:DDW65548 CTX65547:CUA65548 CKB65547:CKE65548 CAF65547:CAI65548 BQJ65547:BQM65548 BGN65547:BGQ65548 AWR65547:AWU65548 AMV65547:AMY65548 ACZ65547:ADC65548 TD65547:TG65548 JH65547:JK65548 M65547:P65548 WVT11:WVW12 WLX11:WMA12 WCB11:WCE12 VSF11:VSI12 VIJ11:VIM12 UYN11:UYQ12 UOR11:UOU12 UEV11:UEY12 TUZ11:TVC12 TLD11:TLG12 TBH11:TBK12 SRL11:SRO12 SHP11:SHS12 RXT11:RXW12 RNX11:ROA12 REB11:REE12 QUF11:QUI12 QKJ11:QKM12 QAN11:QAQ12 PQR11:PQU12 PGV11:PGY12 OWZ11:OXC12 OND11:ONG12 ODH11:ODK12 NTL11:NTO12 NJP11:NJS12 MZT11:MZW12 MPX11:MQA12 MGB11:MGE12 LWF11:LWI12 LMJ11:LMM12 LCN11:LCQ12 KSR11:KSU12 KIV11:KIY12 JYZ11:JZC12 JPD11:JPG12 JFH11:JFK12 IVL11:IVO12 ILP11:ILS12 IBT11:IBW12 HRX11:HSA12 HIB11:HIE12 GYF11:GYI12 GOJ11:GOM12 GEN11:GEQ12 FUR11:FUU12 FKV11:FKY12 FAZ11:FBC12 ERD11:ERG12 EHH11:EHK12 DXL11:DXO12 DNP11:DNS12 DDT11:DDW12 CTX11:CUA12 CKB11:CKE12 CAF11:CAI12 BQJ11:BQM12 BGN11:BGQ12 AWR11:AWU12 AMV11:AMY12 ACZ11:ADC12 TD11:TG12 JH11:JK12 E5:P9 WVY983051:WWC983052 WMC983051:WMG983052 WCG983051:WCK983052 VSK983051:VSO983052 VIO983051:VIS983052 UYS983051:UYW983052 UOW983051:UPA983052 UFA983051:UFE983052 TVE983051:TVI983052 TLI983051:TLM983052 TBM983051:TBQ983052 SRQ983051:SRU983052 SHU983051:SHY983052 RXY983051:RYC983052 ROC983051:ROG983052 REG983051:REK983052 QUK983051:QUO983052 QKO983051:QKS983052 QAS983051:QAW983052 PQW983051:PRA983052 PHA983051:PHE983052 OXE983051:OXI983052 ONI983051:ONM983052 ODM983051:ODQ983052 NTQ983051:NTU983052 NJU983051:NJY983052 MZY983051:NAC983052 MQC983051:MQG983052 MGG983051:MGK983052 LWK983051:LWO983052 LMO983051:LMS983052 LCS983051:LCW983052 KSW983051:KTA983052 KJA983051:KJE983052 JZE983051:JZI983052 JPI983051:JPM983052 JFM983051:JFQ983052 IVQ983051:IVU983052 ILU983051:ILY983052 IBY983051:ICC983052 HSC983051:HSG983052 HIG983051:HIK983052 GYK983051:GYO983052 GOO983051:GOS983052 GES983051:GEW983052 FUW983051:FVA983052 FLA983051:FLE983052 FBE983051:FBI983052 ERI983051:ERM983052 EHM983051:EHQ983052 DXQ983051:DXU983052 DNU983051:DNY983052 DDY983051:DEC983052 CUC983051:CUG983052 CKG983051:CKK983052 CAK983051:CAO983052 BQO983051:BQS983052 BGS983051:BGW983052 AWW983051:AXA983052 ANA983051:ANE983052 ADE983051:ADI983052 TI983051:TM983052 JM983051:JQ983052 R983051:V983052 WVY917515:WWC917516 WMC917515:WMG917516 WCG917515:WCK917516 VSK917515:VSO917516 VIO917515:VIS917516 UYS917515:UYW917516 UOW917515:UPA917516 UFA917515:UFE917516 TVE917515:TVI917516 TLI917515:TLM917516 TBM917515:TBQ917516 SRQ917515:SRU917516 SHU917515:SHY917516 RXY917515:RYC917516 ROC917515:ROG917516 REG917515:REK917516 QUK917515:QUO917516 QKO917515:QKS917516 QAS917515:QAW917516 PQW917515:PRA917516 PHA917515:PHE917516 OXE917515:OXI917516 ONI917515:ONM917516 ODM917515:ODQ917516 NTQ917515:NTU917516 NJU917515:NJY917516 MZY917515:NAC917516 MQC917515:MQG917516 MGG917515:MGK917516 LWK917515:LWO917516 LMO917515:LMS917516 LCS917515:LCW917516 KSW917515:KTA917516 KJA917515:KJE917516 JZE917515:JZI917516 JPI917515:JPM917516 JFM917515:JFQ917516 IVQ917515:IVU917516 ILU917515:ILY917516 IBY917515:ICC917516 HSC917515:HSG917516 HIG917515:HIK917516 GYK917515:GYO917516 GOO917515:GOS917516 GES917515:GEW917516 FUW917515:FVA917516 FLA917515:FLE917516 FBE917515:FBI917516 ERI917515:ERM917516 EHM917515:EHQ917516 DXQ917515:DXU917516 DNU917515:DNY917516 DDY917515:DEC917516 CUC917515:CUG917516 CKG917515:CKK917516 CAK917515:CAO917516 BQO917515:BQS917516 BGS917515:BGW917516 AWW917515:AXA917516 ANA917515:ANE917516 ADE917515:ADI917516 TI917515:TM917516 JM917515:JQ917516 R917515:V917516 WVY851979:WWC851980 WMC851979:WMG851980 WCG851979:WCK851980 VSK851979:VSO851980 VIO851979:VIS851980 UYS851979:UYW851980 UOW851979:UPA851980 UFA851979:UFE851980 TVE851979:TVI851980 TLI851979:TLM851980 TBM851979:TBQ851980 SRQ851979:SRU851980 SHU851979:SHY851980 RXY851979:RYC851980 ROC851979:ROG851980 REG851979:REK851980 QUK851979:QUO851980 QKO851979:QKS851980 QAS851979:QAW851980 PQW851979:PRA851980 PHA851979:PHE851980 OXE851979:OXI851980 ONI851979:ONM851980 ODM851979:ODQ851980 NTQ851979:NTU851980 NJU851979:NJY851980 MZY851979:NAC851980 MQC851979:MQG851980 MGG851979:MGK851980 LWK851979:LWO851980 LMO851979:LMS851980 LCS851979:LCW851980 KSW851979:KTA851980 KJA851979:KJE851980 JZE851979:JZI851980 JPI851979:JPM851980 JFM851979:JFQ851980 IVQ851979:IVU851980 ILU851979:ILY851980 IBY851979:ICC851980 HSC851979:HSG851980 HIG851979:HIK851980 GYK851979:GYO851980 GOO851979:GOS851980 GES851979:GEW851980 FUW851979:FVA851980 FLA851979:FLE851980 FBE851979:FBI851980 ERI851979:ERM851980 EHM851979:EHQ851980 DXQ851979:DXU851980 DNU851979:DNY851980 DDY851979:DEC851980 CUC851979:CUG851980 CKG851979:CKK851980 CAK851979:CAO851980 BQO851979:BQS851980 BGS851979:BGW851980 AWW851979:AXA851980 ANA851979:ANE851980 ADE851979:ADI851980 TI851979:TM851980 JM851979:JQ851980 R851979:V851980 WVY786443:WWC786444 WMC786443:WMG786444 WCG786443:WCK786444 VSK786443:VSO786444 VIO786443:VIS786444 UYS786443:UYW786444 UOW786443:UPA786444 UFA786443:UFE786444 TVE786443:TVI786444 TLI786443:TLM786444 TBM786443:TBQ786444 SRQ786443:SRU786444 SHU786443:SHY786444 RXY786443:RYC786444 ROC786443:ROG786444 REG786443:REK786444 QUK786443:QUO786444 QKO786443:QKS786444 QAS786443:QAW786444 PQW786443:PRA786444 PHA786443:PHE786444 OXE786443:OXI786444 ONI786443:ONM786444 ODM786443:ODQ786444 NTQ786443:NTU786444 NJU786443:NJY786444 MZY786443:NAC786444 MQC786443:MQG786444 MGG786443:MGK786444 LWK786443:LWO786444 LMO786443:LMS786444 LCS786443:LCW786444 KSW786443:KTA786444 KJA786443:KJE786444 JZE786443:JZI786444 JPI786443:JPM786444 JFM786443:JFQ786444 IVQ786443:IVU786444 ILU786443:ILY786444 IBY786443:ICC786444 HSC786443:HSG786444 HIG786443:HIK786444 GYK786443:GYO786444 GOO786443:GOS786444 GES786443:GEW786444 FUW786443:FVA786444 FLA786443:FLE786444 FBE786443:FBI786444 ERI786443:ERM786444 EHM786443:EHQ786444 DXQ786443:DXU786444 DNU786443:DNY786444 DDY786443:DEC786444 CUC786443:CUG786444 CKG786443:CKK786444 CAK786443:CAO786444 BQO786443:BQS786444 BGS786443:BGW786444 AWW786443:AXA786444 ANA786443:ANE786444 ADE786443:ADI786444 TI786443:TM786444 JM786443:JQ786444 R786443:V786444 WVY720907:WWC720908 WMC720907:WMG720908 WCG720907:WCK720908 VSK720907:VSO720908 VIO720907:VIS720908 UYS720907:UYW720908 UOW720907:UPA720908 UFA720907:UFE720908 TVE720907:TVI720908 TLI720907:TLM720908 TBM720907:TBQ720908 SRQ720907:SRU720908 SHU720907:SHY720908 RXY720907:RYC720908 ROC720907:ROG720908 REG720907:REK720908 QUK720907:QUO720908 QKO720907:QKS720908 QAS720907:QAW720908 PQW720907:PRA720908 PHA720907:PHE720908 OXE720907:OXI720908 ONI720907:ONM720908 ODM720907:ODQ720908 NTQ720907:NTU720908 NJU720907:NJY720908 MZY720907:NAC720908 MQC720907:MQG720908 MGG720907:MGK720908 LWK720907:LWO720908 LMO720907:LMS720908 LCS720907:LCW720908 KSW720907:KTA720908 KJA720907:KJE720908 JZE720907:JZI720908 JPI720907:JPM720908 JFM720907:JFQ720908 IVQ720907:IVU720908 ILU720907:ILY720908 IBY720907:ICC720908 HSC720907:HSG720908 HIG720907:HIK720908 GYK720907:GYO720908 GOO720907:GOS720908 GES720907:GEW720908 FUW720907:FVA720908 FLA720907:FLE720908 FBE720907:FBI720908 ERI720907:ERM720908 EHM720907:EHQ720908 DXQ720907:DXU720908 DNU720907:DNY720908 DDY720907:DEC720908 CUC720907:CUG720908 CKG720907:CKK720908 CAK720907:CAO720908 BQO720907:BQS720908 BGS720907:BGW720908 AWW720907:AXA720908 ANA720907:ANE720908 ADE720907:ADI720908 TI720907:TM720908 JM720907:JQ720908 R720907:V720908 WVY655371:WWC655372 WMC655371:WMG655372 WCG655371:WCK655372 VSK655371:VSO655372 VIO655371:VIS655372 UYS655371:UYW655372 UOW655371:UPA655372 UFA655371:UFE655372 TVE655371:TVI655372 TLI655371:TLM655372 TBM655371:TBQ655372 SRQ655371:SRU655372 SHU655371:SHY655372 RXY655371:RYC655372 ROC655371:ROG655372 REG655371:REK655372 QUK655371:QUO655372 QKO655371:QKS655372 QAS655371:QAW655372 PQW655371:PRA655372 PHA655371:PHE655372 OXE655371:OXI655372 ONI655371:ONM655372 ODM655371:ODQ655372 NTQ655371:NTU655372 NJU655371:NJY655372 MZY655371:NAC655372 MQC655371:MQG655372 MGG655371:MGK655372 LWK655371:LWO655372 LMO655371:LMS655372 LCS655371:LCW655372 KSW655371:KTA655372 KJA655371:KJE655372 JZE655371:JZI655372 JPI655371:JPM655372 JFM655371:JFQ655372 IVQ655371:IVU655372 ILU655371:ILY655372 IBY655371:ICC655372 HSC655371:HSG655372 HIG655371:HIK655372 GYK655371:GYO655372 GOO655371:GOS655372 GES655371:GEW655372 FUW655371:FVA655372 FLA655371:FLE655372 FBE655371:FBI655372 ERI655371:ERM655372 EHM655371:EHQ655372 DXQ655371:DXU655372 DNU655371:DNY655372 DDY655371:DEC655372 CUC655371:CUG655372 CKG655371:CKK655372 CAK655371:CAO655372 BQO655371:BQS655372 BGS655371:BGW655372 AWW655371:AXA655372 ANA655371:ANE655372 ADE655371:ADI655372 TI655371:TM655372 JM655371:JQ655372 R655371:V655372 WVY589835:WWC589836 WMC589835:WMG589836 WCG589835:WCK589836 VSK589835:VSO589836 VIO589835:VIS589836 UYS589835:UYW589836 UOW589835:UPA589836 UFA589835:UFE589836 TVE589835:TVI589836 TLI589835:TLM589836 TBM589835:TBQ589836 SRQ589835:SRU589836 SHU589835:SHY589836 RXY589835:RYC589836 ROC589835:ROG589836 REG589835:REK589836 QUK589835:QUO589836 QKO589835:QKS589836 QAS589835:QAW589836 PQW589835:PRA589836 PHA589835:PHE589836 OXE589835:OXI589836 ONI589835:ONM589836 ODM589835:ODQ589836 NTQ589835:NTU589836 NJU589835:NJY589836 MZY589835:NAC589836 MQC589835:MQG589836 MGG589835:MGK589836 LWK589835:LWO589836 LMO589835:LMS589836 LCS589835:LCW589836 KSW589835:KTA589836 KJA589835:KJE589836 JZE589835:JZI589836 JPI589835:JPM589836 JFM589835:JFQ589836 IVQ589835:IVU589836 ILU589835:ILY589836 IBY589835:ICC589836 HSC589835:HSG589836 HIG589835:HIK589836 GYK589835:GYO589836 GOO589835:GOS589836 GES589835:GEW589836 FUW589835:FVA589836 FLA589835:FLE589836 FBE589835:FBI589836 ERI589835:ERM589836 EHM589835:EHQ589836 DXQ589835:DXU589836 DNU589835:DNY589836 DDY589835:DEC589836 CUC589835:CUG589836 CKG589835:CKK589836 CAK589835:CAO589836 BQO589835:BQS589836 BGS589835:BGW589836 AWW589835:AXA589836 ANA589835:ANE589836 ADE589835:ADI589836 TI589835:TM589836 JM589835:JQ589836 R589835:V589836 WVY524299:WWC524300 WMC524299:WMG524300 WCG524299:WCK524300 VSK524299:VSO524300 VIO524299:VIS524300 UYS524299:UYW524300 UOW524299:UPA524300 UFA524299:UFE524300 TVE524299:TVI524300 TLI524299:TLM524300 TBM524299:TBQ524300 SRQ524299:SRU524300 SHU524299:SHY524300 RXY524299:RYC524300 ROC524299:ROG524300 REG524299:REK524300 QUK524299:QUO524300 QKO524299:QKS524300 QAS524299:QAW524300 PQW524299:PRA524300 PHA524299:PHE524300 OXE524299:OXI524300 ONI524299:ONM524300 ODM524299:ODQ524300 NTQ524299:NTU524300 NJU524299:NJY524300 MZY524299:NAC524300 MQC524299:MQG524300 MGG524299:MGK524300 LWK524299:LWO524300 LMO524299:LMS524300 LCS524299:LCW524300 KSW524299:KTA524300 KJA524299:KJE524300 JZE524299:JZI524300 JPI524299:JPM524300 JFM524299:JFQ524300 IVQ524299:IVU524300 ILU524299:ILY524300 IBY524299:ICC524300 HSC524299:HSG524300 HIG524299:HIK524300 GYK524299:GYO524300 GOO524299:GOS524300 GES524299:GEW524300 FUW524299:FVA524300 FLA524299:FLE524300 FBE524299:FBI524300 ERI524299:ERM524300 EHM524299:EHQ524300 DXQ524299:DXU524300 DNU524299:DNY524300 DDY524299:DEC524300 CUC524299:CUG524300 CKG524299:CKK524300 CAK524299:CAO524300 BQO524299:BQS524300 BGS524299:BGW524300 AWW524299:AXA524300 ANA524299:ANE524300 ADE524299:ADI524300 TI524299:TM524300 JM524299:JQ524300 R524299:V524300 WVY458763:WWC458764 WMC458763:WMG458764 WCG458763:WCK458764 VSK458763:VSO458764 VIO458763:VIS458764 UYS458763:UYW458764 UOW458763:UPA458764 UFA458763:UFE458764 TVE458763:TVI458764 TLI458763:TLM458764 TBM458763:TBQ458764 SRQ458763:SRU458764 SHU458763:SHY458764 RXY458763:RYC458764 ROC458763:ROG458764 REG458763:REK458764 QUK458763:QUO458764 QKO458763:QKS458764 QAS458763:QAW458764 PQW458763:PRA458764 PHA458763:PHE458764 OXE458763:OXI458764 ONI458763:ONM458764 ODM458763:ODQ458764 NTQ458763:NTU458764 NJU458763:NJY458764 MZY458763:NAC458764 MQC458763:MQG458764 MGG458763:MGK458764 LWK458763:LWO458764 LMO458763:LMS458764 LCS458763:LCW458764 KSW458763:KTA458764 KJA458763:KJE458764 JZE458763:JZI458764 JPI458763:JPM458764 JFM458763:JFQ458764 IVQ458763:IVU458764 ILU458763:ILY458764 IBY458763:ICC458764 HSC458763:HSG458764 HIG458763:HIK458764 GYK458763:GYO458764 GOO458763:GOS458764 GES458763:GEW458764 FUW458763:FVA458764 FLA458763:FLE458764 FBE458763:FBI458764 ERI458763:ERM458764 EHM458763:EHQ458764 DXQ458763:DXU458764 DNU458763:DNY458764 DDY458763:DEC458764 CUC458763:CUG458764 CKG458763:CKK458764 CAK458763:CAO458764 BQO458763:BQS458764 BGS458763:BGW458764 AWW458763:AXA458764 ANA458763:ANE458764 ADE458763:ADI458764 TI458763:TM458764 JM458763:JQ458764 R458763:V458764 WVY393227:WWC393228 WMC393227:WMG393228 WCG393227:WCK393228 VSK393227:VSO393228 VIO393227:VIS393228 UYS393227:UYW393228 UOW393227:UPA393228 UFA393227:UFE393228 TVE393227:TVI393228 TLI393227:TLM393228 TBM393227:TBQ393228 SRQ393227:SRU393228 SHU393227:SHY393228 RXY393227:RYC393228 ROC393227:ROG393228 REG393227:REK393228 QUK393227:QUO393228 QKO393227:QKS393228 QAS393227:QAW393228 PQW393227:PRA393228 PHA393227:PHE393228 OXE393227:OXI393228 ONI393227:ONM393228 ODM393227:ODQ393228 NTQ393227:NTU393228 NJU393227:NJY393228 MZY393227:NAC393228 MQC393227:MQG393228 MGG393227:MGK393228 LWK393227:LWO393228 LMO393227:LMS393228 LCS393227:LCW393228 KSW393227:KTA393228 KJA393227:KJE393228 JZE393227:JZI393228 JPI393227:JPM393228 JFM393227:JFQ393228 IVQ393227:IVU393228 ILU393227:ILY393228 IBY393227:ICC393228 HSC393227:HSG393228 HIG393227:HIK393228 GYK393227:GYO393228 GOO393227:GOS393228 GES393227:GEW393228 FUW393227:FVA393228 FLA393227:FLE393228 FBE393227:FBI393228 ERI393227:ERM393228 EHM393227:EHQ393228 DXQ393227:DXU393228 DNU393227:DNY393228 DDY393227:DEC393228 CUC393227:CUG393228 CKG393227:CKK393228 CAK393227:CAO393228 BQO393227:BQS393228 BGS393227:BGW393228 AWW393227:AXA393228 ANA393227:ANE393228 ADE393227:ADI393228 TI393227:TM393228 JM393227:JQ393228 R393227:V393228 WVY327691:WWC327692 WMC327691:WMG327692 WCG327691:WCK327692 VSK327691:VSO327692 VIO327691:VIS327692 UYS327691:UYW327692 UOW327691:UPA327692 UFA327691:UFE327692 TVE327691:TVI327692 TLI327691:TLM327692 TBM327691:TBQ327692 SRQ327691:SRU327692 SHU327691:SHY327692 RXY327691:RYC327692 ROC327691:ROG327692 REG327691:REK327692 QUK327691:QUO327692 QKO327691:QKS327692 QAS327691:QAW327692 PQW327691:PRA327692 PHA327691:PHE327692 OXE327691:OXI327692 ONI327691:ONM327692 ODM327691:ODQ327692 NTQ327691:NTU327692 NJU327691:NJY327692 MZY327691:NAC327692 MQC327691:MQG327692 MGG327691:MGK327692 LWK327691:LWO327692 LMO327691:LMS327692 LCS327691:LCW327692 KSW327691:KTA327692 KJA327691:KJE327692 JZE327691:JZI327692 JPI327691:JPM327692 JFM327691:JFQ327692 IVQ327691:IVU327692 ILU327691:ILY327692 IBY327691:ICC327692 HSC327691:HSG327692 HIG327691:HIK327692 GYK327691:GYO327692 GOO327691:GOS327692 GES327691:GEW327692 FUW327691:FVA327692 FLA327691:FLE327692 FBE327691:FBI327692 ERI327691:ERM327692 EHM327691:EHQ327692 DXQ327691:DXU327692 DNU327691:DNY327692 DDY327691:DEC327692 CUC327691:CUG327692 CKG327691:CKK327692 CAK327691:CAO327692 BQO327691:BQS327692 BGS327691:BGW327692 AWW327691:AXA327692 ANA327691:ANE327692 ADE327691:ADI327692 TI327691:TM327692 JM327691:JQ327692 R327691:V327692 WVY262155:WWC262156 WMC262155:WMG262156 WCG262155:WCK262156 VSK262155:VSO262156 VIO262155:VIS262156 UYS262155:UYW262156 UOW262155:UPA262156 UFA262155:UFE262156 TVE262155:TVI262156 TLI262155:TLM262156 TBM262155:TBQ262156 SRQ262155:SRU262156 SHU262155:SHY262156 RXY262155:RYC262156 ROC262155:ROG262156 REG262155:REK262156 QUK262155:QUO262156 QKO262155:QKS262156 QAS262155:QAW262156 PQW262155:PRA262156 PHA262155:PHE262156 OXE262155:OXI262156 ONI262155:ONM262156 ODM262155:ODQ262156 NTQ262155:NTU262156 NJU262155:NJY262156 MZY262155:NAC262156 MQC262155:MQG262156 MGG262155:MGK262156 LWK262155:LWO262156 LMO262155:LMS262156 LCS262155:LCW262156 KSW262155:KTA262156 KJA262155:KJE262156 JZE262155:JZI262156 JPI262155:JPM262156 JFM262155:JFQ262156 IVQ262155:IVU262156 ILU262155:ILY262156 IBY262155:ICC262156 HSC262155:HSG262156 HIG262155:HIK262156 GYK262155:GYO262156 GOO262155:GOS262156 GES262155:GEW262156 FUW262155:FVA262156 FLA262155:FLE262156 FBE262155:FBI262156 ERI262155:ERM262156 EHM262155:EHQ262156 DXQ262155:DXU262156 DNU262155:DNY262156 DDY262155:DEC262156 CUC262155:CUG262156 CKG262155:CKK262156 CAK262155:CAO262156 BQO262155:BQS262156 BGS262155:BGW262156 AWW262155:AXA262156 ANA262155:ANE262156 ADE262155:ADI262156 TI262155:TM262156 JM262155:JQ262156 R262155:V262156 WVY196619:WWC196620 WMC196619:WMG196620 WCG196619:WCK196620 VSK196619:VSO196620 VIO196619:VIS196620 UYS196619:UYW196620 UOW196619:UPA196620 UFA196619:UFE196620 TVE196619:TVI196620 TLI196619:TLM196620 TBM196619:TBQ196620 SRQ196619:SRU196620 SHU196619:SHY196620 RXY196619:RYC196620 ROC196619:ROG196620 REG196619:REK196620 QUK196619:QUO196620 QKO196619:QKS196620 QAS196619:QAW196620 PQW196619:PRA196620 PHA196619:PHE196620 OXE196619:OXI196620 ONI196619:ONM196620 ODM196619:ODQ196620 NTQ196619:NTU196620 NJU196619:NJY196620 MZY196619:NAC196620 MQC196619:MQG196620 MGG196619:MGK196620 LWK196619:LWO196620 LMO196619:LMS196620 LCS196619:LCW196620 KSW196619:KTA196620 KJA196619:KJE196620 JZE196619:JZI196620 JPI196619:JPM196620 JFM196619:JFQ196620 IVQ196619:IVU196620 ILU196619:ILY196620 IBY196619:ICC196620 HSC196619:HSG196620 HIG196619:HIK196620 GYK196619:GYO196620 GOO196619:GOS196620 GES196619:GEW196620 FUW196619:FVA196620 FLA196619:FLE196620 FBE196619:FBI196620 ERI196619:ERM196620 EHM196619:EHQ196620 DXQ196619:DXU196620 DNU196619:DNY196620 DDY196619:DEC196620 CUC196619:CUG196620 CKG196619:CKK196620 CAK196619:CAO196620 BQO196619:BQS196620 BGS196619:BGW196620 AWW196619:AXA196620 ANA196619:ANE196620 ADE196619:ADI196620 TI196619:TM196620 JM196619:JQ196620 R196619:V196620 WVY131083:WWC131084 WMC131083:WMG131084 WCG131083:WCK131084 VSK131083:VSO131084 VIO131083:VIS131084 UYS131083:UYW131084 UOW131083:UPA131084 UFA131083:UFE131084 TVE131083:TVI131084 TLI131083:TLM131084 TBM131083:TBQ131084 SRQ131083:SRU131084 SHU131083:SHY131084 RXY131083:RYC131084 ROC131083:ROG131084 REG131083:REK131084 QUK131083:QUO131084 QKO131083:QKS131084 QAS131083:QAW131084 PQW131083:PRA131084 PHA131083:PHE131084 OXE131083:OXI131084 ONI131083:ONM131084 ODM131083:ODQ131084 NTQ131083:NTU131084 NJU131083:NJY131084 MZY131083:NAC131084 MQC131083:MQG131084 MGG131083:MGK131084 LWK131083:LWO131084 LMO131083:LMS131084 LCS131083:LCW131084 KSW131083:KTA131084 KJA131083:KJE131084 JZE131083:JZI131084 JPI131083:JPM131084 JFM131083:JFQ131084 IVQ131083:IVU131084 ILU131083:ILY131084 IBY131083:ICC131084 HSC131083:HSG131084 HIG131083:HIK131084 GYK131083:GYO131084 GOO131083:GOS131084 GES131083:GEW131084 FUW131083:FVA131084 FLA131083:FLE131084 FBE131083:FBI131084 ERI131083:ERM131084 EHM131083:EHQ131084 DXQ131083:DXU131084 DNU131083:DNY131084 DDY131083:DEC131084 CUC131083:CUG131084 CKG131083:CKK131084 CAK131083:CAO131084 BQO131083:BQS131084 BGS131083:BGW131084 AWW131083:AXA131084 ANA131083:ANE131084 ADE131083:ADI131084 TI131083:TM131084 JM131083:JQ131084 R131083:V131084 WVY65547:WWC65548 WMC65547:WMG65548 WCG65547:WCK65548 VSK65547:VSO65548 VIO65547:VIS65548 UYS65547:UYW65548 UOW65547:UPA65548 UFA65547:UFE65548 TVE65547:TVI65548 TLI65547:TLM65548 TBM65547:TBQ65548 SRQ65547:SRU65548 SHU65547:SHY65548 RXY65547:RYC65548 ROC65547:ROG65548 REG65547:REK65548 QUK65547:QUO65548 QKO65547:QKS65548 QAS65547:QAW65548 PQW65547:PRA65548 PHA65547:PHE65548 OXE65547:OXI65548 ONI65547:ONM65548 ODM65547:ODQ65548 NTQ65547:NTU65548 NJU65547:NJY65548 MZY65547:NAC65548 MQC65547:MQG65548 MGG65547:MGK65548 LWK65547:LWO65548 LMO65547:LMS65548 LCS65547:LCW65548 KSW65547:KTA65548 KJA65547:KJE65548 JZE65547:JZI65548 JPI65547:JPM65548 JFM65547:JFQ65548 IVQ65547:IVU65548 ILU65547:ILY65548 IBY65547:ICC65548 HSC65547:HSG65548 HIG65547:HIK65548 GYK65547:GYO65548 GOO65547:GOS65548 GES65547:GEW65548 FUW65547:FVA65548 FLA65547:FLE65548 FBE65547:FBI65548 ERI65547:ERM65548 EHM65547:EHQ65548 DXQ65547:DXU65548 DNU65547:DNY65548 DDY65547:DEC65548 CUC65547:CUG65548 CKG65547:CKK65548 CAK65547:CAO65548 BQO65547:BQS65548 BGS65547:BGW65548 AWW65547:AXA65548 ANA65547:ANE65548 ADE65547:ADI65548 TI65547:TM65548 JM65547:JQ65548 R65547:V65548 WVY11:WWC12 WMC11:WMG12 WCG11:WCK12 VSK11:VSO12 VIO11:VIS12 UYS11:UYW12 UOW11:UPA12 UFA11:UFE12 TVE11:TVI12 TLI11:TLM12 TBM11:TBQ12 SRQ11:SRU12 SHU11:SHY12 RXY11:RYC12 ROC11:ROG12 REG11:REK12 QUK11:QUO12 QKO11:QKS12 QAS11:QAW12 PQW11:PRA12 PHA11:PHE12 OXE11:OXI12 ONI11:ONM12 ODM11:ODQ12 NTQ11:NTU12 NJU11:NJY12 MZY11:NAC12 MQC11:MQG12 MGG11:MGK12 LWK11:LWO12 LMO11:LMS12 LCS11:LCW12 KSW11:KTA12 KJA11:KJE12 JZE11:JZI12 JPI11:JPM12 JFM11:JFQ12 IVQ11:IVU12 ILU11:ILY12 IBY11:ICC12 HSC11:HSG12 HIG11:HIK12 GYK11:GYO12 GOO11:GOS12 GES11:GEW12 FUW11:FVA12 FLA11:FLE12 FBE11:FBI12 ERI11:ERM12 EHM11:EHQ12 DXQ11:DXU12 DNU11:DNY12 DDY11:DEC12 CUC11:CUG12 CKG11:CKK12 CAK11:CAO12 BQO11:BQS12 BGS11:BGW12 AWW11:AXA12 ANA11:ANE12 ADE11:ADI12 TI11:TM12 JM11:JQ12 R8:V9 WVK983051:WVR983052 WLO983051:WLV983052 WBS983051:WBZ983052 VRW983051:VSD983052 VIA983051:VIH983052 UYE983051:UYL983052 UOI983051:UOP983052 UEM983051:UET983052 TUQ983051:TUX983052 TKU983051:TLB983052 TAY983051:TBF983052 SRC983051:SRJ983052 SHG983051:SHN983052 RXK983051:RXR983052 RNO983051:RNV983052 RDS983051:RDZ983052 QTW983051:QUD983052 QKA983051:QKH983052 QAE983051:QAL983052 PQI983051:PQP983052 PGM983051:PGT983052 OWQ983051:OWX983052 OMU983051:ONB983052 OCY983051:ODF983052 NTC983051:NTJ983052 NJG983051:NJN983052 MZK983051:MZR983052 MPO983051:MPV983052 MFS983051:MFZ983052 LVW983051:LWD983052 LMA983051:LMH983052 LCE983051:LCL983052 KSI983051:KSP983052 KIM983051:KIT983052 JYQ983051:JYX983052 JOU983051:JPB983052 JEY983051:JFF983052 IVC983051:IVJ983052 ILG983051:ILN983052 IBK983051:IBR983052 HRO983051:HRV983052 HHS983051:HHZ983052 GXW983051:GYD983052 GOA983051:GOH983052 GEE983051:GEL983052 FUI983051:FUP983052 FKM983051:FKT983052 FAQ983051:FAX983052 EQU983051:ERB983052 EGY983051:EHF983052 DXC983051:DXJ983052 DNG983051:DNN983052 DDK983051:DDR983052 CTO983051:CTV983052 CJS983051:CJZ983052 BZW983051:CAD983052 BQA983051:BQH983052 BGE983051:BGL983052 AWI983051:AWP983052 AMM983051:AMT983052 ACQ983051:ACX983052 SU983051:TB983052 IY983051:JF983052 WVK917515:WVR917516 WLO917515:WLV917516 WBS917515:WBZ917516 VRW917515:VSD917516 VIA917515:VIH917516 UYE917515:UYL917516 UOI917515:UOP917516 UEM917515:UET917516 TUQ917515:TUX917516 TKU917515:TLB917516 TAY917515:TBF917516 SRC917515:SRJ917516 SHG917515:SHN917516 RXK917515:RXR917516 RNO917515:RNV917516 RDS917515:RDZ917516 QTW917515:QUD917516 QKA917515:QKH917516 QAE917515:QAL917516 PQI917515:PQP917516 PGM917515:PGT917516 OWQ917515:OWX917516 OMU917515:ONB917516 OCY917515:ODF917516 NTC917515:NTJ917516 NJG917515:NJN917516 MZK917515:MZR917516 MPO917515:MPV917516 MFS917515:MFZ917516 LVW917515:LWD917516 LMA917515:LMH917516 LCE917515:LCL917516 KSI917515:KSP917516 KIM917515:KIT917516 JYQ917515:JYX917516 JOU917515:JPB917516 JEY917515:JFF917516 IVC917515:IVJ917516 ILG917515:ILN917516 IBK917515:IBR917516 HRO917515:HRV917516 HHS917515:HHZ917516 GXW917515:GYD917516 GOA917515:GOH917516 GEE917515:GEL917516 FUI917515:FUP917516 FKM917515:FKT917516 FAQ917515:FAX917516 EQU917515:ERB917516 EGY917515:EHF917516 DXC917515:DXJ917516 DNG917515:DNN917516 DDK917515:DDR917516 CTO917515:CTV917516 CJS917515:CJZ917516 BZW917515:CAD917516 BQA917515:BQH917516 BGE917515:BGL917516 AWI917515:AWP917516 AMM917515:AMT917516 ACQ917515:ACX917516 SU917515:TB917516 IY917515:JF917516 E983051:K983052 WVK851979:WVR851980 WLO851979:WLV851980 WBS851979:WBZ851980 VRW851979:VSD851980 VIA851979:VIH851980 UYE851979:UYL851980 UOI851979:UOP851980 UEM851979:UET851980 TUQ851979:TUX851980 TKU851979:TLB851980 TAY851979:TBF851980 SRC851979:SRJ851980 SHG851979:SHN851980 RXK851979:RXR851980 RNO851979:RNV851980 RDS851979:RDZ851980 QTW851979:QUD851980 QKA851979:QKH851980 QAE851979:QAL851980 PQI851979:PQP851980 PGM851979:PGT851980 OWQ851979:OWX851980 OMU851979:ONB851980 OCY851979:ODF851980 NTC851979:NTJ851980 NJG851979:NJN851980 MZK851979:MZR851980 MPO851979:MPV851980 MFS851979:MFZ851980 LVW851979:LWD851980 LMA851979:LMH851980 LCE851979:LCL851980 KSI851979:KSP851980 KIM851979:KIT851980 JYQ851979:JYX851980 JOU851979:JPB851980 JEY851979:JFF851980 IVC851979:IVJ851980 ILG851979:ILN851980 IBK851979:IBR851980 HRO851979:HRV851980 HHS851979:HHZ851980 GXW851979:GYD851980 GOA851979:GOH851980 GEE851979:GEL851980 FUI851979:FUP851980 FKM851979:FKT851980 FAQ851979:FAX851980 EQU851979:ERB851980 EGY851979:EHF851980 DXC851979:DXJ851980 DNG851979:DNN851980 DDK851979:DDR851980 CTO851979:CTV851980 CJS851979:CJZ851980 BZW851979:CAD851980 BQA851979:BQH851980 BGE851979:BGL851980 AWI851979:AWP851980 AMM851979:AMT851980 ACQ851979:ACX851980 SU851979:TB851980 IY851979:JF851980 E917515:K917516 WVK786443:WVR786444 WLO786443:WLV786444 WBS786443:WBZ786444 VRW786443:VSD786444 VIA786443:VIH786444 UYE786443:UYL786444 UOI786443:UOP786444 UEM786443:UET786444 TUQ786443:TUX786444 TKU786443:TLB786444 TAY786443:TBF786444 SRC786443:SRJ786444 SHG786443:SHN786444 RXK786443:RXR786444 RNO786443:RNV786444 RDS786443:RDZ786444 QTW786443:QUD786444 QKA786443:QKH786444 QAE786443:QAL786444 PQI786443:PQP786444 PGM786443:PGT786444 OWQ786443:OWX786444 OMU786443:ONB786444 OCY786443:ODF786444 NTC786443:NTJ786444 NJG786443:NJN786444 MZK786443:MZR786444 MPO786443:MPV786444 MFS786443:MFZ786444 LVW786443:LWD786444 LMA786443:LMH786444 LCE786443:LCL786444 KSI786443:KSP786444 KIM786443:KIT786444 JYQ786443:JYX786444 JOU786443:JPB786444 JEY786443:JFF786444 IVC786443:IVJ786444 ILG786443:ILN786444 IBK786443:IBR786444 HRO786443:HRV786444 HHS786443:HHZ786444 GXW786443:GYD786444 GOA786443:GOH786444 GEE786443:GEL786444 FUI786443:FUP786444 FKM786443:FKT786444 FAQ786443:FAX786444 EQU786443:ERB786444 EGY786443:EHF786444 DXC786443:DXJ786444 DNG786443:DNN786444 DDK786443:DDR786444 CTO786443:CTV786444 CJS786443:CJZ786444 BZW786443:CAD786444 BQA786443:BQH786444 BGE786443:BGL786444 AWI786443:AWP786444 AMM786443:AMT786444 ACQ786443:ACX786444 SU786443:TB786444 IY786443:JF786444 E851979:K851980 WVK720907:WVR720908 WLO720907:WLV720908 WBS720907:WBZ720908 VRW720907:VSD720908 VIA720907:VIH720908 UYE720907:UYL720908 UOI720907:UOP720908 UEM720907:UET720908 TUQ720907:TUX720908 TKU720907:TLB720908 TAY720907:TBF720908 SRC720907:SRJ720908 SHG720907:SHN720908 RXK720907:RXR720908 RNO720907:RNV720908 RDS720907:RDZ720908 QTW720907:QUD720908 QKA720907:QKH720908 QAE720907:QAL720908 PQI720907:PQP720908 PGM720907:PGT720908 OWQ720907:OWX720908 OMU720907:ONB720908 OCY720907:ODF720908 NTC720907:NTJ720908 NJG720907:NJN720908 MZK720907:MZR720908 MPO720907:MPV720908 MFS720907:MFZ720908 LVW720907:LWD720908 LMA720907:LMH720908 LCE720907:LCL720908 KSI720907:KSP720908 KIM720907:KIT720908 JYQ720907:JYX720908 JOU720907:JPB720908 JEY720907:JFF720908 IVC720907:IVJ720908 ILG720907:ILN720908 IBK720907:IBR720908 HRO720907:HRV720908 HHS720907:HHZ720908 GXW720907:GYD720908 GOA720907:GOH720908 GEE720907:GEL720908 FUI720907:FUP720908 FKM720907:FKT720908 FAQ720907:FAX720908 EQU720907:ERB720908 EGY720907:EHF720908 DXC720907:DXJ720908 DNG720907:DNN720908 DDK720907:DDR720908 CTO720907:CTV720908 CJS720907:CJZ720908 BZW720907:CAD720908 BQA720907:BQH720908 BGE720907:BGL720908 AWI720907:AWP720908 AMM720907:AMT720908 ACQ720907:ACX720908 SU720907:TB720908 IY720907:JF720908 E786443:K786444 WVK655371:WVR655372 WLO655371:WLV655372 WBS655371:WBZ655372 VRW655371:VSD655372 VIA655371:VIH655372 UYE655371:UYL655372 UOI655371:UOP655372 UEM655371:UET655372 TUQ655371:TUX655372 TKU655371:TLB655372 TAY655371:TBF655372 SRC655371:SRJ655372 SHG655371:SHN655372 RXK655371:RXR655372 RNO655371:RNV655372 RDS655371:RDZ655372 QTW655371:QUD655372 QKA655371:QKH655372 QAE655371:QAL655372 PQI655371:PQP655372 PGM655371:PGT655372 OWQ655371:OWX655372 OMU655371:ONB655372 OCY655371:ODF655372 NTC655371:NTJ655372 NJG655371:NJN655372 MZK655371:MZR655372 MPO655371:MPV655372 MFS655371:MFZ655372 LVW655371:LWD655372 LMA655371:LMH655372 LCE655371:LCL655372 KSI655371:KSP655372 KIM655371:KIT655372 JYQ655371:JYX655372 JOU655371:JPB655372 JEY655371:JFF655372 IVC655371:IVJ655372 ILG655371:ILN655372 IBK655371:IBR655372 HRO655371:HRV655372 HHS655371:HHZ655372 GXW655371:GYD655372 GOA655371:GOH655372 GEE655371:GEL655372 FUI655371:FUP655372 FKM655371:FKT655372 FAQ655371:FAX655372 EQU655371:ERB655372 EGY655371:EHF655372 DXC655371:DXJ655372 DNG655371:DNN655372 DDK655371:DDR655372 CTO655371:CTV655372 CJS655371:CJZ655372 BZW655371:CAD655372 BQA655371:BQH655372 BGE655371:BGL655372 AWI655371:AWP655372 AMM655371:AMT655372 ACQ655371:ACX655372 SU655371:TB655372 IY655371:JF655372 E720907:K720908 WVK589835:WVR589836 WLO589835:WLV589836 WBS589835:WBZ589836 VRW589835:VSD589836 VIA589835:VIH589836 UYE589835:UYL589836 UOI589835:UOP589836 UEM589835:UET589836 TUQ589835:TUX589836 TKU589835:TLB589836 TAY589835:TBF589836 SRC589835:SRJ589836 SHG589835:SHN589836 RXK589835:RXR589836 RNO589835:RNV589836 RDS589835:RDZ589836 QTW589835:QUD589836 QKA589835:QKH589836 QAE589835:QAL589836 PQI589835:PQP589836 PGM589835:PGT589836 OWQ589835:OWX589836 OMU589835:ONB589836 OCY589835:ODF589836 NTC589835:NTJ589836 NJG589835:NJN589836 MZK589835:MZR589836 MPO589835:MPV589836 MFS589835:MFZ589836 LVW589835:LWD589836 LMA589835:LMH589836 LCE589835:LCL589836 KSI589835:KSP589836 KIM589835:KIT589836 JYQ589835:JYX589836 JOU589835:JPB589836 JEY589835:JFF589836 IVC589835:IVJ589836 ILG589835:ILN589836 IBK589835:IBR589836 HRO589835:HRV589836 HHS589835:HHZ589836 GXW589835:GYD589836 GOA589835:GOH589836 GEE589835:GEL589836 FUI589835:FUP589836 FKM589835:FKT589836 FAQ589835:FAX589836 EQU589835:ERB589836 EGY589835:EHF589836 DXC589835:DXJ589836 DNG589835:DNN589836 DDK589835:DDR589836 CTO589835:CTV589836 CJS589835:CJZ589836 BZW589835:CAD589836 BQA589835:BQH589836 BGE589835:BGL589836 AWI589835:AWP589836 AMM589835:AMT589836 ACQ589835:ACX589836 SU589835:TB589836 IY589835:JF589836 E655371:K655372 WVK524299:WVR524300 WLO524299:WLV524300 WBS524299:WBZ524300 VRW524299:VSD524300 VIA524299:VIH524300 UYE524299:UYL524300 UOI524299:UOP524300 UEM524299:UET524300 TUQ524299:TUX524300 TKU524299:TLB524300 TAY524299:TBF524300 SRC524299:SRJ524300 SHG524299:SHN524300 RXK524299:RXR524300 RNO524299:RNV524300 RDS524299:RDZ524300 QTW524299:QUD524300 QKA524299:QKH524300 QAE524299:QAL524300 PQI524299:PQP524300 PGM524299:PGT524300 OWQ524299:OWX524300 OMU524299:ONB524300 OCY524299:ODF524300 NTC524299:NTJ524300 NJG524299:NJN524300 MZK524299:MZR524300 MPO524299:MPV524300 MFS524299:MFZ524300 LVW524299:LWD524300 LMA524299:LMH524300 LCE524299:LCL524300 KSI524299:KSP524300 KIM524299:KIT524300 JYQ524299:JYX524300 JOU524299:JPB524300 JEY524299:JFF524300 IVC524299:IVJ524300 ILG524299:ILN524300 IBK524299:IBR524300 HRO524299:HRV524300 HHS524299:HHZ524300 GXW524299:GYD524300 GOA524299:GOH524300 GEE524299:GEL524300 FUI524299:FUP524300 FKM524299:FKT524300 FAQ524299:FAX524300 EQU524299:ERB524300 EGY524299:EHF524300 DXC524299:DXJ524300 DNG524299:DNN524300 DDK524299:DDR524300 CTO524299:CTV524300 CJS524299:CJZ524300 BZW524299:CAD524300 BQA524299:BQH524300 BGE524299:BGL524300 AWI524299:AWP524300 AMM524299:AMT524300 ACQ524299:ACX524300 SU524299:TB524300 IY524299:JF524300 E589835:K589836 WVK458763:WVR458764 WLO458763:WLV458764 WBS458763:WBZ458764 VRW458763:VSD458764 VIA458763:VIH458764 UYE458763:UYL458764 UOI458763:UOP458764 UEM458763:UET458764 TUQ458763:TUX458764 TKU458763:TLB458764 TAY458763:TBF458764 SRC458763:SRJ458764 SHG458763:SHN458764 RXK458763:RXR458764 RNO458763:RNV458764 RDS458763:RDZ458764 QTW458763:QUD458764 QKA458763:QKH458764 QAE458763:QAL458764 PQI458763:PQP458764 PGM458763:PGT458764 OWQ458763:OWX458764 OMU458763:ONB458764 OCY458763:ODF458764 NTC458763:NTJ458764 NJG458763:NJN458764 MZK458763:MZR458764 MPO458763:MPV458764 MFS458763:MFZ458764 LVW458763:LWD458764 LMA458763:LMH458764 LCE458763:LCL458764 KSI458763:KSP458764 KIM458763:KIT458764 JYQ458763:JYX458764 JOU458763:JPB458764 JEY458763:JFF458764 IVC458763:IVJ458764 ILG458763:ILN458764 IBK458763:IBR458764 HRO458763:HRV458764 HHS458763:HHZ458764 GXW458763:GYD458764 GOA458763:GOH458764 GEE458763:GEL458764 FUI458763:FUP458764 FKM458763:FKT458764 FAQ458763:FAX458764 EQU458763:ERB458764 EGY458763:EHF458764 DXC458763:DXJ458764 DNG458763:DNN458764 DDK458763:DDR458764 CTO458763:CTV458764 CJS458763:CJZ458764 BZW458763:CAD458764 BQA458763:BQH458764 BGE458763:BGL458764 AWI458763:AWP458764 AMM458763:AMT458764 ACQ458763:ACX458764 SU458763:TB458764 IY458763:JF458764 E524299:K524300 WVK393227:WVR393228 WLO393227:WLV393228 WBS393227:WBZ393228 VRW393227:VSD393228 VIA393227:VIH393228 UYE393227:UYL393228 UOI393227:UOP393228 UEM393227:UET393228 TUQ393227:TUX393228 TKU393227:TLB393228 TAY393227:TBF393228 SRC393227:SRJ393228 SHG393227:SHN393228 RXK393227:RXR393228 RNO393227:RNV393228 RDS393227:RDZ393228 QTW393227:QUD393228 QKA393227:QKH393228 QAE393227:QAL393228 PQI393227:PQP393228 PGM393227:PGT393228 OWQ393227:OWX393228 OMU393227:ONB393228 OCY393227:ODF393228 NTC393227:NTJ393228 NJG393227:NJN393228 MZK393227:MZR393228 MPO393227:MPV393228 MFS393227:MFZ393228 LVW393227:LWD393228 LMA393227:LMH393228 LCE393227:LCL393228 KSI393227:KSP393228 KIM393227:KIT393228 JYQ393227:JYX393228 JOU393227:JPB393228 JEY393227:JFF393228 IVC393227:IVJ393228 ILG393227:ILN393228 IBK393227:IBR393228 HRO393227:HRV393228 HHS393227:HHZ393228 GXW393227:GYD393228 GOA393227:GOH393228 GEE393227:GEL393228 FUI393227:FUP393228 FKM393227:FKT393228 FAQ393227:FAX393228 EQU393227:ERB393228 EGY393227:EHF393228 DXC393227:DXJ393228 DNG393227:DNN393228 DDK393227:DDR393228 CTO393227:CTV393228 CJS393227:CJZ393228 BZW393227:CAD393228 BQA393227:BQH393228 BGE393227:BGL393228 AWI393227:AWP393228 AMM393227:AMT393228 ACQ393227:ACX393228 SU393227:TB393228 IY393227:JF393228 E458763:K458764 WVK327691:WVR327692 WLO327691:WLV327692 WBS327691:WBZ327692 VRW327691:VSD327692 VIA327691:VIH327692 UYE327691:UYL327692 UOI327691:UOP327692 UEM327691:UET327692 TUQ327691:TUX327692 TKU327691:TLB327692 TAY327691:TBF327692 SRC327691:SRJ327692 SHG327691:SHN327692 RXK327691:RXR327692 RNO327691:RNV327692 RDS327691:RDZ327692 QTW327691:QUD327692 QKA327691:QKH327692 QAE327691:QAL327692 PQI327691:PQP327692 PGM327691:PGT327692 OWQ327691:OWX327692 OMU327691:ONB327692 OCY327691:ODF327692 NTC327691:NTJ327692 NJG327691:NJN327692 MZK327691:MZR327692 MPO327691:MPV327692 MFS327691:MFZ327692 LVW327691:LWD327692 LMA327691:LMH327692 LCE327691:LCL327692 KSI327691:KSP327692 KIM327691:KIT327692 JYQ327691:JYX327692 JOU327691:JPB327692 JEY327691:JFF327692 IVC327691:IVJ327692 ILG327691:ILN327692 IBK327691:IBR327692 HRO327691:HRV327692 HHS327691:HHZ327692 GXW327691:GYD327692 GOA327691:GOH327692 GEE327691:GEL327692 FUI327691:FUP327692 FKM327691:FKT327692 FAQ327691:FAX327692 EQU327691:ERB327692 EGY327691:EHF327692 DXC327691:DXJ327692 DNG327691:DNN327692 DDK327691:DDR327692 CTO327691:CTV327692 CJS327691:CJZ327692 BZW327691:CAD327692 BQA327691:BQH327692 BGE327691:BGL327692 AWI327691:AWP327692 AMM327691:AMT327692 ACQ327691:ACX327692 SU327691:TB327692 IY327691:JF327692 E393227:K393228 WVK262155:WVR262156 WLO262155:WLV262156 WBS262155:WBZ262156 VRW262155:VSD262156 VIA262155:VIH262156 UYE262155:UYL262156 UOI262155:UOP262156 UEM262155:UET262156 TUQ262155:TUX262156 TKU262155:TLB262156 TAY262155:TBF262156 SRC262155:SRJ262156 SHG262155:SHN262156 RXK262155:RXR262156 RNO262155:RNV262156 RDS262155:RDZ262156 QTW262155:QUD262156 QKA262155:QKH262156 QAE262155:QAL262156 PQI262155:PQP262156 PGM262155:PGT262156 OWQ262155:OWX262156 OMU262155:ONB262156 OCY262155:ODF262156 NTC262155:NTJ262156 NJG262155:NJN262156 MZK262155:MZR262156 MPO262155:MPV262156 MFS262155:MFZ262156 LVW262155:LWD262156 LMA262155:LMH262156 LCE262155:LCL262156 KSI262155:KSP262156 KIM262155:KIT262156 JYQ262155:JYX262156 JOU262155:JPB262156 JEY262155:JFF262156 IVC262155:IVJ262156 ILG262155:ILN262156 IBK262155:IBR262156 HRO262155:HRV262156 HHS262155:HHZ262156 GXW262155:GYD262156 GOA262155:GOH262156 GEE262155:GEL262156 FUI262155:FUP262156 FKM262155:FKT262156 FAQ262155:FAX262156 EQU262155:ERB262156 EGY262155:EHF262156 DXC262155:DXJ262156 DNG262155:DNN262156 DDK262155:DDR262156 CTO262155:CTV262156 CJS262155:CJZ262156 BZW262155:CAD262156 BQA262155:BQH262156 BGE262155:BGL262156 AWI262155:AWP262156 AMM262155:AMT262156 ACQ262155:ACX262156 SU262155:TB262156 IY262155:JF262156 E327691:K327692 WVK196619:WVR196620 WLO196619:WLV196620 WBS196619:WBZ196620 VRW196619:VSD196620 VIA196619:VIH196620 UYE196619:UYL196620 UOI196619:UOP196620 UEM196619:UET196620 TUQ196619:TUX196620 TKU196619:TLB196620 TAY196619:TBF196620 SRC196619:SRJ196620 SHG196619:SHN196620 RXK196619:RXR196620 RNO196619:RNV196620 RDS196619:RDZ196620 QTW196619:QUD196620 QKA196619:QKH196620 QAE196619:QAL196620 PQI196619:PQP196620 PGM196619:PGT196620 OWQ196619:OWX196620 OMU196619:ONB196620 OCY196619:ODF196620 NTC196619:NTJ196620 NJG196619:NJN196620 MZK196619:MZR196620 MPO196619:MPV196620 MFS196619:MFZ196620 LVW196619:LWD196620 LMA196619:LMH196620 LCE196619:LCL196620 KSI196619:KSP196620 KIM196619:KIT196620 JYQ196619:JYX196620 JOU196619:JPB196620 JEY196619:JFF196620 IVC196619:IVJ196620 ILG196619:ILN196620 IBK196619:IBR196620 HRO196619:HRV196620 HHS196619:HHZ196620 GXW196619:GYD196620 GOA196619:GOH196620 GEE196619:GEL196620 FUI196619:FUP196620 FKM196619:FKT196620 FAQ196619:FAX196620 EQU196619:ERB196620 EGY196619:EHF196620 DXC196619:DXJ196620 DNG196619:DNN196620 DDK196619:DDR196620 CTO196619:CTV196620 CJS196619:CJZ196620 BZW196619:CAD196620 BQA196619:BQH196620 BGE196619:BGL196620 AWI196619:AWP196620 AMM196619:AMT196620 ACQ196619:ACX196620 SU196619:TB196620 IY196619:JF196620 E262155:K262156 WVK131083:WVR131084 WLO131083:WLV131084 WBS131083:WBZ131084 VRW131083:VSD131084 VIA131083:VIH131084 UYE131083:UYL131084 UOI131083:UOP131084 UEM131083:UET131084 TUQ131083:TUX131084 TKU131083:TLB131084 TAY131083:TBF131084 SRC131083:SRJ131084 SHG131083:SHN131084 RXK131083:RXR131084 RNO131083:RNV131084 RDS131083:RDZ131084 QTW131083:QUD131084 QKA131083:QKH131084 QAE131083:QAL131084 PQI131083:PQP131084 PGM131083:PGT131084 OWQ131083:OWX131084 OMU131083:ONB131084 OCY131083:ODF131084 NTC131083:NTJ131084 NJG131083:NJN131084 MZK131083:MZR131084 MPO131083:MPV131084 MFS131083:MFZ131084 LVW131083:LWD131084 LMA131083:LMH131084 LCE131083:LCL131084 KSI131083:KSP131084 KIM131083:KIT131084 JYQ131083:JYX131084 JOU131083:JPB131084 JEY131083:JFF131084 IVC131083:IVJ131084 ILG131083:ILN131084 IBK131083:IBR131084 HRO131083:HRV131084 HHS131083:HHZ131084 GXW131083:GYD131084 GOA131083:GOH131084 GEE131083:GEL131084 FUI131083:FUP131084 FKM131083:FKT131084 FAQ131083:FAX131084 EQU131083:ERB131084 EGY131083:EHF131084 DXC131083:DXJ131084 DNG131083:DNN131084 DDK131083:DDR131084 CTO131083:CTV131084 CJS131083:CJZ131084 BZW131083:CAD131084 BQA131083:BQH131084 BGE131083:BGL131084 AWI131083:AWP131084 AMM131083:AMT131084 ACQ131083:ACX131084 SU131083:TB131084 IY131083:JF131084 E196619:K196620 WVK65547:WVR65548 WLO65547:WLV65548 WBS65547:WBZ65548 VRW65547:VSD65548 VIA65547:VIH65548 UYE65547:UYL65548 UOI65547:UOP65548 UEM65547:UET65548 TUQ65547:TUX65548 TKU65547:TLB65548 TAY65547:TBF65548 SRC65547:SRJ65548 SHG65547:SHN65548 RXK65547:RXR65548 RNO65547:RNV65548 RDS65547:RDZ65548 QTW65547:QUD65548 QKA65547:QKH65548 QAE65547:QAL65548 PQI65547:PQP65548 PGM65547:PGT65548 OWQ65547:OWX65548 OMU65547:ONB65548 OCY65547:ODF65548 NTC65547:NTJ65548 NJG65547:NJN65548 MZK65547:MZR65548 MPO65547:MPV65548 MFS65547:MFZ65548 LVW65547:LWD65548 LMA65547:LMH65548 LCE65547:LCL65548 KSI65547:KSP65548 KIM65547:KIT65548 JYQ65547:JYX65548 JOU65547:JPB65548 JEY65547:JFF65548 IVC65547:IVJ65548 ILG65547:ILN65548 IBK65547:IBR65548 HRO65547:HRV65548 HHS65547:HHZ65548 GXW65547:GYD65548 GOA65547:GOH65548 GEE65547:GEL65548 FUI65547:FUP65548 FKM65547:FKT65548 FAQ65547:FAX65548 EQU65547:ERB65548 EGY65547:EHF65548 DXC65547:DXJ65548 DNG65547:DNN65548 DDK65547:DDR65548 CTO65547:CTV65548 CJS65547:CJZ65548 BZW65547:CAD65548 BQA65547:BQH65548 BGE65547:BGL65548 AWI65547:AWP65548 AMM65547:AMT65548 ACQ65547:ACX65548 SU65547:TB65548 IY65547:JF65548 E131083:K131084 WVK11:WVR12 WLO11:WLV12 WBS11:WBZ12 VRW11:VSD12 VIA11:VIH12 UYE11:UYL12 UOI11:UOP12 UEM11:UET12 TUQ11:TUX12 TKU11:TLB12 TAY11:TBF12 SRC11:SRJ12 SHG11:SHN12 RXK11:RXR12 RNO11:RNV12 RDS11:RDZ12 QTW11:QUD12 QKA11:QKH12 QAE11:QAL12 PQI11:PQP12 PGM11:PGT12 OWQ11:OWX12 OMU11:ONB12 OCY11:ODF12 NTC11:NTJ12 NJG11:NJN12 MZK11:MZR12 MPO11:MPV12 MFS11:MFZ12 LVW11:LWD12 LMA11:LMH12 LCE11:LCL12 KSI11:KSP12 KIM11:KIT12 JYQ11:JYX12 JOU11:JPB12 JEY11:JFF12 IVC11:IVJ12 ILG11:ILN12 IBK11:IBR12 HRO11:HRV12 HHS11:HHZ12 GXW11:GYD12 GOA11:GOH12 GEE11:GEL12 FUI11:FUP12 FKM11:FKT12 FAQ11:FAX12 EQU11:ERB12 EGY11:EHF12 DXC11:DXJ12 DNG11:DNN12 DDK11:DDR12 CTO11:CTV12 CJS11:CJZ12 BZW11:CAD12 BQA11:BQH12 BGE11:BGL12 AWI11:AWP12 AMM11:AMT12 ACQ11:ACX12 SU11:TB12 IY11:JF12 E65547:K65548 WVT983054:WVW983055 WLX983054:WMA983055 WCB983054:WCE983055 VSF983054:VSI983055 VIJ983054:VIM983055 UYN983054:UYQ983055 UOR983054:UOU983055 UEV983054:UEY983055 TUZ983054:TVC983055 TLD983054:TLG983055 TBH983054:TBK983055 SRL983054:SRO983055 SHP983054:SHS983055 RXT983054:RXW983055 RNX983054:ROA983055 REB983054:REE983055 QUF983054:QUI983055 QKJ983054:QKM983055 QAN983054:QAQ983055 PQR983054:PQU983055 PGV983054:PGY983055 OWZ983054:OXC983055 OND983054:ONG983055 ODH983054:ODK983055 NTL983054:NTO983055 NJP983054:NJS983055 MZT983054:MZW983055 MPX983054:MQA983055 MGB983054:MGE983055 LWF983054:LWI983055 LMJ983054:LMM983055 LCN983054:LCQ983055 KSR983054:KSU983055 KIV983054:KIY983055 JYZ983054:JZC983055 JPD983054:JPG983055 JFH983054:JFK983055 IVL983054:IVO983055 ILP983054:ILS983055 IBT983054:IBW983055 HRX983054:HSA983055 HIB983054:HIE983055 GYF983054:GYI983055 GOJ983054:GOM983055 GEN983054:GEQ983055 FUR983054:FUU983055 FKV983054:FKY983055 FAZ983054:FBC983055 ERD983054:ERG983055 EHH983054:EHK983055 DXL983054:DXO983055 DNP983054:DNS983055 DDT983054:DDW983055 CTX983054:CUA983055 CKB983054:CKE983055 CAF983054:CAI983055 BQJ983054:BQM983055 BGN983054:BGQ983055 AWR983054:AWU983055 AMV983054:AMY983055 ACZ983054:ADC983055 TD983054:TG983055 JH983054:JK983055 M983054:P983055 WVT917518:WVW917519 WLX917518:WMA917519 WCB917518:WCE917519 VSF917518:VSI917519 VIJ917518:VIM917519 UYN917518:UYQ917519 UOR917518:UOU917519 UEV917518:UEY917519 TUZ917518:TVC917519 TLD917518:TLG917519 TBH917518:TBK917519 SRL917518:SRO917519 SHP917518:SHS917519 RXT917518:RXW917519 RNX917518:ROA917519 REB917518:REE917519 QUF917518:QUI917519 QKJ917518:QKM917519 QAN917518:QAQ917519 PQR917518:PQU917519 PGV917518:PGY917519 OWZ917518:OXC917519 OND917518:ONG917519 ODH917518:ODK917519 NTL917518:NTO917519 NJP917518:NJS917519 MZT917518:MZW917519 MPX917518:MQA917519 MGB917518:MGE917519 LWF917518:LWI917519 LMJ917518:LMM917519 LCN917518:LCQ917519 KSR917518:KSU917519 KIV917518:KIY917519 JYZ917518:JZC917519 JPD917518:JPG917519 JFH917518:JFK917519 IVL917518:IVO917519 ILP917518:ILS917519 IBT917518:IBW917519 HRX917518:HSA917519 HIB917518:HIE917519 GYF917518:GYI917519 GOJ917518:GOM917519 GEN917518:GEQ917519 FUR917518:FUU917519 FKV917518:FKY917519 FAZ917518:FBC917519 ERD917518:ERG917519 EHH917518:EHK917519 DXL917518:DXO917519 DNP917518:DNS917519 DDT917518:DDW917519 CTX917518:CUA917519 CKB917518:CKE917519 CAF917518:CAI917519 BQJ917518:BQM917519 BGN917518:BGQ917519 AWR917518:AWU917519 AMV917518:AMY917519 ACZ917518:ADC917519 TD917518:TG917519 JH917518:JK917519 M917518:P917519 WVT851982:WVW851983 WLX851982:WMA851983 WCB851982:WCE851983 VSF851982:VSI851983 VIJ851982:VIM851983 UYN851982:UYQ851983 UOR851982:UOU851983 UEV851982:UEY851983 TUZ851982:TVC851983 TLD851982:TLG851983 TBH851982:TBK851983 SRL851982:SRO851983 SHP851982:SHS851983 RXT851982:RXW851983 RNX851982:ROA851983 REB851982:REE851983 QUF851982:QUI851983 QKJ851982:QKM851983 QAN851982:QAQ851983 PQR851982:PQU851983 PGV851982:PGY851983 OWZ851982:OXC851983 OND851982:ONG851983 ODH851982:ODK851983 NTL851982:NTO851983 NJP851982:NJS851983 MZT851982:MZW851983 MPX851982:MQA851983 MGB851982:MGE851983 LWF851982:LWI851983 LMJ851982:LMM851983 LCN851982:LCQ851983 KSR851982:KSU851983 KIV851982:KIY851983 JYZ851982:JZC851983 JPD851982:JPG851983 JFH851982:JFK851983 IVL851982:IVO851983 ILP851982:ILS851983 IBT851982:IBW851983 HRX851982:HSA851983 HIB851982:HIE851983 GYF851982:GYI851983 GOJ851982:GOM851983 GEN851982:GEQ851983 FUR851982:FUU851983 FKV851982:FKY851983 FAZ851982:FBC851983 ERD851982:ERG851983 EHH851982:EHK851983 DXL851982:DXO851983 DNP851982:DNS851983 DDT851982:DDW851983 CTX851982:CUA851983 CKB851982:CKE851983 CAF851982:CAI851983 BQJ851982:BQM851983 BGN851982:BGQ851983 AWR851982:AWU851983 AMV851982:AMY851983 ACZ851982:ADC851983 TD851982:TG851983 JH851982:JK851983 M851982:P851983 WVT786446:WVW786447 WLX786446:WMA786447 WCB786446:WCE786447 VSF786446:VSI786447 VIJ786446:VIM786447 UYN786446:UYQ786447 UOR786446:UOU786447 UEV786446:UEY786447 TUZ786446:TVC786447 TLD786446:TLG786447 TBH786446:TBK786447 SRL786446:SRO786447 SHP786446:SHS786447 RXT786446:RXW786447 RNX786446:ROA786447 REB786446:REE786447 QUF786446:QUI786447 QKJ786446:QKM786447 QAN786446:QAQ786447 PQR786446:PQU786447 PGV786446:PGY786447 OWZ786446:OXC786447 OND786446:ONG786447 ODH786446:ODK786447 NTL786446:NTO786447 NJP786446:NJS786447 MZT786446:MZW786447 MPX786446:MQA786447 MGB786446:MGE786447 LWF786446:LWI786447 LMJ786446:LMM786447 LCN786446:LCQ786447 KSR786446:KSU786447 KIV786446:KIY786447 JYZ786446:JZC786447 JPD786446:JPG786447 JFH786446:JFK786447 IVL786446:IVO786447 ILP786446:ILS786447 IBT786446:IBW786447 HRX786446:HSA786447 HIB786446:HIE786447 GYF786446:GYI786447 GOJ786446:GOM786447 GEN786446:GEQ786447 FUR786446:FUU786447 FKV786446:FKY786447 FAZ786446:FBC786447 ERD786446:ERG786447 EHH786446:EHK786447 DXL786446:DXO786447 DNP786446:DNS786447 DDT786446:DDW786447 CTX786446:CUA786447 CKB786446:CKE786447 CAF786446:CAI786447 BQJ786446:BQM786447 BGN786446:BGQ786447 AWR786446:AWU786447 AMV786446:AMY786447 ACZ786446:ADC786447 TD786446:TG786447 JH786446:JK786447 M786446:P786447 WVT720910:WVW720911 WLX720910:WMA720911 WCB720910:WCE720911 VSF720910:VSI720911 VIJ720910:VIM720911 UYN720910:UYQ720911 UOR720910:UOU720911 UEV720910:UEY720911 TUZ720910:TVC720911 TLD720910:TLG720911 TBH720910:TBK720911 SRL720910:SRO720911 SHP720910:SHS720911 RXT720910:RXW720911 RNX720910:ROA720911 REB720910:REE720911 QUF720910:QUI720911 QKJ720910:QKM720911 QAN720910:QAQ720911 PQR720910:PQU720911 PGV720910:PGY720911 OWZ720910:OXC720911 OND720910:ONG720911 ODH720910:ODK720911 NTL720910:NTO720911 NJP720910:NJS720911 MZT720910:MZW720911 MPX720910:MQA720911 MGB720910:MGE720911 LWF720910:LWI720911 LMJ720910:LMM720911 LCN720910:LCQ720911 KSR720910:KSU720911 KIV720910:KIY720911 JYZ720910:JZC720911 JPD720910:JPG720911 JFH720910:JFK720911 IVL720910:IVO720911 ILP720910:ILS720911 IBT720910:IBW720911 HRX720910:HSA720911 HIB720910:HIE720911 GYF720910:GYI720911 GOJ720910:GOM720911 GEN720910:GEQ720911 FUR720910:FUU720911 FKV720910:FKY720911 FAZ720910:FBC720911 ERD720910:ERG720911 EHH720910:EHK720911 DXL720910:DXO720911 DNP720910:DNS720911 DDT720910:DDW720911 CTX720910:CUA720911 CKB720910:CKE720911 CAF720910:CAI720911 BQJ720910:BQM720911 BGN720910:BGQ720911 AWR720910:AWU720911 AMV720910:AMY720911 ACZ720910:ADC720911 TD720910:TG720911 JH720910:JK720911 M720910:P720911 WVT655374:WVW655375 WLX655374:WMA655375 WCB655374:WCE655375 VSF655374:VSI655375 VIJ655374:VIM655375 UYN655374:UYQ655375 UOR655374:UOU655375 UEV655374:UEY655375 TUZ655374:TVC655375 TLD655374:TLG655375 TBH655374:TBK655375 SRL655374:SRO655375 SHP655374:SHS655375 RXT655374:RXW655375 RNX655374:ROA655375 REB655374:REE655375 QUF655374:QUI655375 QKJ655374:QKM655375 QAN655374:QAQ655375 PQR655374:PQU655375 PGV655374:PGY655375 OWZ655374:OXC655375 OND655374:ONG655375 ODH655374:ODK655375 NTL655374:NTO655375 NJP655374:NJS655375 MZT655374:MZW655375 MPX655374:MQA655375 MGB655374:MGE655375 LWF655374:LWI655375 LMJ655374:LMM655375 LCN655374:LCQ655375 KSR655374:KSU655375 KIV655374:KIY655375 JYZ655374:JZC655375 JPD655374:JPG655375 JFH655374:JFK655375 IVL655374:IVO655375 ILP655374:ILS655375 IBT655374:IBW655375 HRX655374:HSA655375 HIB655374:HIE655375 GYF655374:GYI655375 GOJ655374:GOM655375 GEN655374:GEQ655375 FUR655374:FUU655375 FKV655374:FKY655375 FAZ655374:FBC655375 ERD655374:ERG655375 EHH655374:EHK655375 DXL655374:DXO655375 DNP655374:DNS655375 DDT655374:DDW655375 CTX655374:CUA655375 CKB655374:CKE655375 CAF655374:CAI655375 BQJ655374:BQM655375 BGN655374:BGQ655375 AWR655374:AWU655375 AMV655374:AMY655375 ACZ655374:ADC655375 TD655374:TG655375 JH655374:JK655375 M655374:P655375 WVT589838:WVW589839 WLX589838:WMA589839 WCB589838:WCE589839 VSF589838:VSI589839 VIJ589838:VIM589839 UYN589838:UYQ589839 UOR589838:UOU589839 UEV589838:UEY589839 TUZ589838:TVC589839 TLD589838:TLG589839 TBH589838:TBK589839 SRL589838:SRO589839 SHP589838:SHS589839 RXT589838:RXW589839 RNX589838:ROA589839 REB589838:REE589839 QUF589838:QUI589839 QKJ589838:QKM589839 QAN589838:QAQ589839 PQR589838:PQU589839 PGV589838:PGY589839 OWZ589838:OXC589839 OND589838:ONG589839 ODH589838:ODK589839 NTL589838:NTO589839 NJP589838:NJS589839 MZT589838:MZW589839 MPX589838:MQA589839 MGB589838:MGE589839 LWF589838:LWI589839 LMJ589838:LMM589839 LCN589838:LCQ589839 KSR589838:KSU589839 KIV589838:KIY589839 JYZ589838:JZC589839 JPD589838:JPG589839 JFH589838:JFK589839 IVL589838:IVO589839 ILP589838:ILS589839 IBT589838:IBW589839 HRX589838:HSA589839 HIB589838:HIE589839 GYF589838:GYI589839 GOJ589838:GOM589839 GEN589838:GEQ589839 FUR589838:FUU589839 FKV589838:FKY589839 FAZ589838:FBC589839 ERD589838:ERG589839 EHH589838:EHK589839 DXL589838:DXO589839 DNP589838:DNS589839 DDT589838:DDW589839 CTX589838:CUA589839 CKB589838:CKE589839 CAF589838:CAI589839 BQJ589838:BQM589839 BGN589838:BGQ589839 AWR589838:AWU589839 AMV589838:AMY589839 ACZ589838:ADC589839 TD589838:TG589839 JH589838:JK589839 M589838:P589839 WVT524302:WVW524303 WLX524302:WMA524303 WCB524302:WCE524303 VSF524302:VSI524303 VIJ524302:VIM524303 UYN524302:UYQ524303 UOR524302:UOU524303 UEV524302:UEY524303 TUZ524302:TVC524303 TLD524302:TLG524303 TBH524302:TBK524303 SRL524302:SRO524303 SHP524302:SHS524303 RXT524302:RXW524303 RNX524302:ROA524303 REB524302:REE524303 QUF524302:QUI524303 QKJ524302:QKM524303 QAN524302:QAQ524303 PQR524302:PQU524303 PGV524302:PGY524303 OWZ524302:OXC524303 OND524302:ONG524303 ODH524302:ODK524303 NTL524302:NTO524303 NJP524302:NJS524303 MZT524302:MZW524303 MPX524302:MQA524303 MGB524302:MGE524303 LWF524302:LWI524303 LMJ524302:LMM524303 LCN524302:LCQ524303 KSR524302:KSU524303 KIV524302:KIY524303 JYZ524302:JZC524303 JPD524302:JPG524303 JFH524302:JFK524303 IVL524302:IVO524303 ILP524302:ILS524303 IBT524302:IBW524303 HRX524302:HSA524303 HIB524302:HIE524303 GYF524302:GYI524303 GOJ524302:GOM524303 GEN524302:GEQ524303 FUR524302:FUU524303 FKV524302:FKY524303 FAZ524302:FBC524303 ERD524302:ERG524303 EHH524302:EHK524303 DXL524302:DXO524303 DNP524302:DNS524303 DDT524302:DDW524303 CTX524302:CUA524303 CKB524302:CKE524303 CAF524302:CAI524303 BQJ524302:BQM524303 BGN524302:BGQ524303 AWR524302:AWU524303 AMV524302:AMY524303 ACZ524302:ADC524303 TD524302:TG524303 JH524302:JK524303 M524302:P524303 WVT458766:WVW458767 WLX458766:WMA458767 WCB458766:WCE458767 VSF458766:VSI458767 VIJ458766:VIM458767 UYN458766:UYQ458767 UOR458766:UOU458767 UEV458766:UEY458767 TUZ458766:TVC458767 TLD458766:TLG458767 TBH458766:TBK458767 SRL458766:SRO458767 SHP458766:SHS458767 RXT458766:RXW458767 RNX458766:ROA458767 REB458766:REE458767 QUF458766:QUI458767 QKJ458766:QKM458767 QAN458766:QAQ458767 PQR458766:PQU458767 PGV458766:PGY458767 OWZ458766:OXC458767 OND458766:ONG458767 ODH458766:ODK458767 NTL458766:NTO458767 NJP458766:NJS458767 MZT458766:MZW458767 MPX458766:MQA458767 MGB458766:MGE458767 LWF458766:LWI458767 LMJ458766:LMM458767 LCN458766:LCQ458767 KSR458766:KSU458767 KIV458766:KIY458767 JYZ458766:JZC458767 JPD458766:JPG458767 JFH458766:JFK458767 IVL458766:IVO458767 ILP458766:ILS458767 IBT458766:IBW458767 HRX458766:HSA458767 HIB458766:HIE458767 GYF458766:GYI458767 GOJ458766:GOM458767 GEN458766:GEQ458767 FUR458766:FUU458767 FKV458766:FKY458767 FAZ458766:FBC458767 ERD458766:ERG458767 EHH458766:EHK458767 DXL458766:DXO458767 DNP458766:DNS458767 DDT458766:DDW458767 CTX458766:CUA458767 CKB458766:CKE458767 CAF458766:CAI458767 BQJ458766:BQM458767 BGN458766:BGQ458767 AWR458766:AWU458767 AMV458766:AMY458767 ACZ458766:ADC458767 TD458766:TG458767 JH458766:JK458767 M458766:P458767 WVT393230:WVW393231 WLX393230:WMA393231 WCB393230:WCE393231 VSF393230:VSI393231 VIJ393230:VIM393231 UYN393230:UYQ393231 UOR393230:UOU393231 UEV393230:UEY393231 TUZ393230:TVC393231 TLD393230:TLG393231 TBH393230:TBK393231 SRL393230:SRO393231 SHP393230:SHS393231 RXT393230:RXW393231 RNX393230:ROA393231 REB393230:REE393231 QUF393230:QUI393231 QKJ393230:QKM393231 QAN393230:QAQ393231 PQR393230:PQU393231 PGV393230:PGY393231 OWZ393230:OXC393231 OND393230:ONG393231 ODH393230:ODK393231 NTL393230:NTO393231 NJP393230:NJS393231 MZT393230:MZW393231 MPX393230:MQA393231 MGB393230:MGE393231 LWF393230:LWI393231 LMJ393230:LMM393231 LCN393230:LCQ393231 KSR393230:KSU393231 KIV393230:KIY393231 JYZ393230:JZC393231 JPD393230:JPG393231 JFH393230:JFK393231 IVL393230:IVO393231 ILP393230:ILS393231 IBT393230:IBW393231 HRX393230:HSA393231 HIB393230:HIE393231 GYF393230:GYI393231 GOJ393230:GOM393231 GEN393230:GEQ393231 FUR393230:FUU393231 FKV393230:FKY393231 FAZ393230:FBC393231 ERD393230:ERG393231 EHH393230:EHK393231 DXL393230:DXO393231 DNP393230:DNS393231 DDT393230:DDW393231 CTX393230:CUA393231 CKB393230:CKE393231 CAF393230:CAI393231 BQJ393230:BQM393231 BGN393230:BGQ393231 AWR393230:AWU393231 AMV393230:AMY393231 ACZ393230:ADC393231 TD393230:TG393231 JH393230:JK393231 M393230:P393231 WVT327694:WVW327695 WLX327694:WMA327695 WCB327694:WCE327695 VSF327694:VSI327695 VIJ327694:VIM327695 UYN327694:UYQ327695 UOR327694:UOU327695 UEV327694:UEY327695 TUZ327694:TVC327695 TLD327694:TLG327695 TBH327694:TBK327695 SRL327694:SRO327695 SHP327694:SHS327695 RXT327694:RXW327695 RNX327694:ROA327695 REB327694:REE327695 QUF327694:QUI327695 QKJ327694:QKM327695 QAN327694:QAQ327695 PQR327694:PQU327695 PGV327694:PGY327695 OWZ327694:OXC327695 OND327694:ONG327695 ODH327694:ODK327695 NTL327694:NTO327695 NJP327694:NJS327695 MZT327694:MZW327695 MPX327694:MQA327695 MGB327694:MGE327695 LWF327694:LWI327695 LMJ327694:LMM327695 LCN327694:LCQ327695 KSR327694:KSU327695 KIV327694:KIY327695 JYZ327694:JZC327695 JPD327694:JPG327695 JFH327694:JFK327695 IVL327694:IVO327695 ILP327694:ILS327695 IBT327694:IBW327695 HRX327694:HSA327695 HIB327694:HIE327695 GYF327694:GYI327695 GOJ327694:GOM327695 GEN327694:GEQ327695 FUR327694:FUU327695 FKV327694:FKY327695 FAZ327694:FBC327695 ERD327694:ERG327695 EHH327694:EHK327695 DXL327694:DXO327695 DNP327694:DNS327695 DDT327694:DDW327695 CTX327694:CUA327695 CKB327694:CKE327695 CAF327694:CAI327695 BQJ327694:BQM327695 BGN327694:BGQ327695 AWR327694:AWU327695 AMV327694:AMY327695 ACZ327694:ADC327695 TD327694:TG327695 JH327694:JK327695 M327694:P327695 WVT262158:WVW262159 WLX262158:WMA262159 WCB262158:WCE262159 VSF262158:VSI262159 VIJ262158:VIM262159 UYN262158:UYQ262159 UOR262158:UOU262159 UEV262158:UEY262159 TUZ262158:TVC262159 TLD262158:TLG262159 TBH262158:TBK262159 SRL262158:SRO262159 SHP262158:SHS262159 RXT262158:RXW262159 RNX262158:ROA262159 REB262158:REE262159 QUF262158:QUI262159 QKJ262158:QKM262159 QAN262158:QAQ262159 PQR262158:PQU262159 PGV262158:PGY262159 OWZ262158:OXC262159 OND262158:ONG262159 ODH262158:ODK262159 NTL262158:NTO262159 NJP262158:NJS262159 MZT262158:MZW262159 MPX262158:MQA262159 MGB262158:MGE262159 LWF262158:LWI262159 LMJ262158:LMM262159 LCN262158:LCQ262159 KSR262158:KSU262159 KIV262158:KIY262159 JYZ262158:JZC262159 JPD262158:JPG262159 JFH262158:JFK262159 IVL262158:IVO262159 ILP262158:ILS262159 IBT262158:IBW262159 HRX262158:HSA262159 HIB262158:HIE262159 GYF262158:GYI262159 GOJ262158:GOM262159 GEN262158:GEQ262159 FUR262158:FUU262159 FKV262158:FKY262159 FAZ262158:FBC262159 ERD262158:ERG262159 EHH262158:EHK262159 DXL262158:DXO262159 DNP262158:DNS262159 DDT262158:DDW262159 CTX262158:CUA262159 CKB262158:CKE262159 CAF262158:CAI262159 BQJ262158:BQM262159 BGN262158:BGQ262159 AWR262158:AWU262159 AMV262158:AMY262159 ACZ262158:ADC262159 TD262158:TG262159 JH262158:JK262159 M262158:P262159 WVT196622:WVW196623 WLX196622:WMA196623 WCB196622:WCE196623 VSF196622:VSI196623 VIJ196622:VIM196623 UYN196622:UYQ196623 UOR196622:UOU196623 UEV196622:UEY196623 TUZ196622:TVC196623 TLD196622:TLG196623 TBH196622:TBK196623 SRL196622:SRO196623 SHP196622:SHS196623 RXT196622:RXW196623 RNX196622:ROA196623 REB196622:REE196623 QUF196622:QUI196623 QKJ196622:QKM196623 QAN196622:QAQ196623 PQR196622:PQU196623 PGV196622:PGY196623 OWZ196622:OXC196623 OND196622:ONG196623 ODH196622:ODK196623 NTL196622:NTO196623 NJP196622:NJS196623 MZT196622:MZW196623 MPX196622:MQA196623 MGB196622:MGE196623 LWF196622:LWI196623 LMJ196622:LMM196623 LCN196622:LCQ196623 KSR196622:KSU196623 KIV196622:KIY196623 JYZ196622:JZC196623 JPD196622:JPG196623 JFH196622:JFK196623 IVL196622:IVO196623 ILP196622:ILS196623 IBT196622:IBW196623 HRX196622:HSA196623 HIB196622:HIE196623 GYF196622:GYI196623 GOJ196622:GOM196623 GEN196622:GEQ196623 FUR196622:FUU196623 FKV196622:FKY196623 FAZ196622:FBC196623 ERD196622:ERG196623 EHH196622:EHK196623 DXL196622:DXO196623 DNP196622:DNS196623 DDT196622:DDW196623 CTX196622:CUA196623 CKB196622:CKE196623 CAF196622:CAI196623 BQJ196622:BQM196623 BGN196622:BGQ196623 AWR196622:AWU196623 AMV196622:AMY196623 ACZ196622:ADC196623 TD196622:TG196623 JH196622:JK196623 M196622:P196623 WVT131086:WVW131087 WLX131086:WMA131087 WCB131086:WCE131087 VSF131086:VSI131087 VIJ131086:VIM131087 UYN131086:UYQ131087 UOR131086:UOU131087 UEV131086:UEY131087 TUZ131086:TVC131087 TLD131086:TLG131087 TBH131086:TBK131087 SRL131086:SRO131087 SHP131086:SHS131087 RXT131086:RXW131087 RNX131086:ROA131087 REB131086:REE131087 QUF131086:QUI131087 QKJ131086:QKM131087 QAN131086:QAQ131087 PQR131086:PQU131087 PGV131086:PGY131087 OWZ131086:OXC131087 OND131086:ONG131087 ODH131086:ODK131087 NTL131086:NTO131087 NJP131086:NJS131087 MZT131086:MZW131087 MPX131086:MQA131087 MGB131086:MGE131087 LWF131086:LWI131087 LMJ131086:LMM131087 LCN131086:LCQ131087 KSR131086:KSU131087 KIV131086:KIY131087 JYZ131086:JZC131087 JPD131086:JPG131087 JFH131086:JFK131087 IVL131086:IVO131087 ILP131086:ILS131087 IBT131086:IBW131087 HRX131086:HSA131087 HIB131086:HIE131087 GYF131086:GYI131087 GOJ131086:GOM131087 GEN131086:GEQ131087 FUR131086:FUU131087 FKV131086:FKY131087 FAZ131086:FBC131087 ERD131086:ERG131087 EHH131086:EHK131087 DXL131086:DXO131087 DNP131086:DNS131087 DDT131086:DDW131087 CTX131086:CUA131087 CKB131086:CKE131087 CAF131086:CAI131087 BQJ131086:BQM131087 BGN131086:BGQ131087 AWR131086:AWU131087 AMV131086:AMY131087 ACZ131086:ADC131087 TD131086:TG131087 JH131086:JK131087 M131086:P131087 WVT65550:WVW65551 WLX65550:WMA65551 WCB65550:WCE65551 VSF65550:VSI65551 VIJ65550:VIM65551 UYN65550:UYQ65551 UOR65550:UOU65551 UEV65550:UEY65551 TUZ65550:TVC65551 TLD65550:TLG65551 TBH65550:TBK65551 SRL65550:SRO65551 SHP65550:SHS65551 RXT65550:RXW65551 RNX65550:ROA65551 REB65550:REE65551 QUF65550:QUI65551 QKJ65550:QKM65551 QAN65550:QAQ65551 PQR65550:PQU65551 PGV65550:PGY65551 OWZ65550:OXC65551 OND65550:ONG65551 ODH65550:ODK65551 NTL65550:NTO65551 NJP65550:NJS65551 MZT65550:MZW65551 MPX65550:MQA65551 MGB65550:MGE65551 LWF65550:LWI65551 LMJ65550:LMM65551 LCN65550:LCQ65551 KSR65550:KSU65551 KIV65550:KIY65551 JYZ65550:JZC65551 JPD65550:JPG65551 JFH65550:JFK65551 IVL65550:IVO65551 ILP65550:ILS65551 IBT65550:IBW65551 HRX65550:HSA65551 HIB65550:HIE65551 GYF65550:GYI65551 GOJ65550:GOM65551 GEN65550:GEQ65551 FUR65550:FUU65551 FKV65550:FKY65551 FAZ65550:FBC65551 ERD65550:ERG65551 EHH65550:EHK65551 DXL65550:DXO65551 DNP65550:DNS65551 DDT65550:DDW65551 CTX65550:CUA65551 CKB65550:CKE65551 CAF65550:CAI65551 BQJ65550:BQM65551 BGN65550:BGQ65551 AWR65550:AWU65551 AMV65550:AMY65551 ACZ65550:ADC65551 TD65550:TG65551 JH65550:JK65551 M65550:P65551 WVT14:WVW15 WLX14:WMA15 WCB14:WCE15 VSF14:VSI15 VIJ14:VIM15 UYN14:UYQ15 UOR14:UOU15 UEV14:UEY15 TUZ14:TVC15 TLD14:TLG15 TBH14:TBK15 SRL14:SRO15 SHP14:SHS15 RXT14:RXW15 RNX14:ROA15 REB14:REE15 QUF14:QUI15 QKJ14:QKM15 QAN14:QAQ15 PQR14:PQU15 PGV14:PGY15 OWZ14:OXC15 OND14:ONG15 ODH14:ODK15 NTL14:NTO15 NJP14:NJS15 MZT14:MZW15 MPX14:MQA15 MGB14:MGE15 LWF14:LWI15 LMJ14:LMM15 LCN14:LCQ15 KSR14:KSU15 KIV14:KIY15 JYZ14:JZC15 JPD14:JPG15 JFH14:JFK15 IVL14:IVO15 ILP14:ILS15 IBT14:IBW15 HRX14:HSA15 HIB14:HIE15 GYF14:GYI15 GOJ14:GOM15 GEN14:GEQ15 FUR14:FUU15 FKV14:FKY15 FAZ14:FBC15 ERD14:ERG15 EHH14:EHK15 DXL14:DXO15 DNP14:DNS15 DDT14:DDW15 CTX14:CUA15 CKB14:CKE15 CAF14:CAI15 BQJ14:BQM15 BGN14:BGQ15 AWR14:AWU15 AMV14:AMY15 ACZ14:ADC15 TD14:TG15 JH14:JK15 M11:P12 WWD983055 WMH983055 WCL983055 VSP983055 VIT983055 UYX983055 UPB983055 UFF983055 TVJ983055 TLN983055 TBR983055 SRV983055 SHZ983055 RYD983055 ROH983055 REL983055 QUP983055 QKT983055 QAX983055 PRB983055 PHF983055 OXJ983055 ONN983055 ODR983055 NTV983055 NJZ983055 NAD983055 MQH983055 MGL983055 LWP983055 LMT983055 LCX983055 KTB983055 KJF983055 JZJ983055 JPN983055 JFR983055 IVV983055 ILZ983055 ICD983055 HSH983055 HIL983055 GYP983055 GOT983055 GEX983055 FVB983055 FLF983055 FBJ983055 ERN983055 EHR983055 DXV983055 DNZ983055 DED983055 CUH983055 CKL983055 CAP983055 BQT983055 BGX983055 AXB983055 ANF983055 ADJ983055 TN983055 JR983055 Q983055 WWD917519 WMH917519 WCL917519 VSP917519 VIT917519 UYX917519 UPB917519 UFF917519 TVJ917519 TLN917519 TBR917519 SRV917519 SHZ917519 RYD917519 ROH917519 REL917519 QUP917519 QKT917519 QAX917519 PRB917519 PHF917519 OXJ917519 ONN917519 ODR917519 NTV917519 NJZ917519 NAD917519 MQH917519 MGL917519 LWP917519 LMT917519 LCX917519 KTB917519 KJF917519 JZJ917519 JPN917519 JFR917519 IVV917519 ILZ917519 ICD917519 HSH917519 HIL917519 GYP917519 GOT917519 GEX917519 FVB917519 FLF917519 FBJ917519 ERN917519 EHR917519 DXV917519 DNZ917519 DED917519 CUH917519 CKL917519 CAP917519 BQT917519 BGX917519 AXB917519 ANF917519 ADJ917519 TN917519 JR917519 Q917519 WWD851983 WMH851983 WCL851983 VSP851983 VIT851983 UYX851983 UPB851983 UFF851983 TVJ851983 TLN851983 TBR851983 SRV851983 SHZ851983 RYD851983 ROH851983 REL851983 QUP851983 QKT851983 QAX851983 PRB851983 PHF851983 OXJ851983 ONN851983 ODR851983 NTV851983 NJZ851983 NAD851983 MQH851983 MGL851983 LWP851983 LMT851983 LCX851983 KTB851983 KJF851983 JZJ851983 JPN851983 JFR851983 IVV851983 ILZ851983 ICD851983 HSH851983 HIL851983 GYP851983 GOT851983 GEX851983 FVB851983 FLF851983 FBJ851983 ERN851983 EHR851983 DXV851983 DNZ851983 DED851983 CUH851983 CKL851983 CAP851983 BQT851983 BGX851983 AXB851983 ANF851983 ADJ851983 TN851983 JR851983 Q851983 WWD786447 WMH786447 WCL786447 VSP786447 VIT786447 UYX786447 UPB786447 UFF786447 TVJ786447 TLN786447 TBR786447 SRV786447 SHZ786447 RYD786447 ROH786447 REL786447 QUP786447 QKT786447 QAX786447 PRB786447 PHF786447 OXJ786447 ONN786447 ODR786447 NTV786447 NJZ786447 NAD786447 MQH786447 MGL786447 LWP786447 LMT786447 LCX786447 KTB786447 KJF786447 JZJ786447 JPN786447 JFR786447 IVV786447 ILZ786447 ICD786447 HSH786447 HIL786447 GYP786447 GOT786447 GEX786447 FVB786447 FLF786447 FBJ786447 ERN786447 EHR786447 DXV786447 DNZ786447 DED786447 CUH786447 CKL786447 CAP786447 BQT786447 BGX786447 AXB786447 ANF786447 ADJ786447 TN786447 JR786447 Q786447 WWD720911 WMH720911 WCL720911 VSP720911 VIT720911 UYX720911 UPB720911 UFF720911 TVJ720911 TLN720911 TBR720911 SRV720911 SHZ720911 RYD720911 ROH720911 REL720911 QUP720911 QKT720911 QAX720911 PRB720911 PHF720911 OXJ720911 ONN720911 ODR720911 NTV720911 NJZ720911 NAD720911 MQH720911 MGL720911 LWP720911 LMT720911 LCX720911 KTB720911 KJF720911 JZJ720911 JPN720911 JFR720911 IVV720911 ILZ720911 ICD720911 HSH720911 HIL720911 GYP720911 GOT720911 GEX720911 FVB720911 FLF720911 FBJ720911 ERN720911 EHR720911 DXV720911 DNZ720911 DED720911 CUH720911 CKL720911 CAP720911 BQT720911 BGX720911 AXB720911 ANF720911 ADJ720911 TN720911 JR720911 Q720911 WWD655375 WMH655375 WCL655375 VSP655375 VIT655375 UYX655375 UPB655375 UFF655375 TVJ655375 TLN655375 TBR655375 SRV655375 SHZ655375 RYD655375 ROH655375 REL655375 QUP655375 QKT655375 QAX655375 PRB655375 PHF655375 OXJ655375 ONN655375 ODR655375 NTV655375 NJZ655375 NAD655375 MQH655375 MGL655375 LWP655375 LMT655375 LCX655375 KTB655375 KJF655375 JZJ655375 JPN655375 JFR655375 IVV655375 ILZ655375 ICD655375 HSH655375 HIL655375 GYP655375 GOT655375 GEX655375 FVB655375 FLF655375 FBJ655375 ERN655375 EHR655375 DXV655375 DNZ655375 DED655375 CUH655375 CKL655375 CAP655375 BQT655375 BGX655375 AXB655375 ANF655375 ADJ655375 TN655375 JR655375 Q655375 WWD589839 WMH589839 WCL589839 VSP589839 VIT589839 UYX589839 UPB589839 UFF589839 TVJ589839 TLN589839 TBR589839 SRV589839 SHZ589839 RYD589839 ROH589839 REL589839 QUP589839 QKT589839 QAX589839 PRB589839 PHF589839 OXJ589839 ONN589839 ODR589839 NTV589839 NJZ589839 NAD589839 MQH589839 MGL589839 LWP589839 LMT589839 LCX589839 KTB589839 KJF589839 JZJ589839 JPN589839 JFR589839 IVV589839 ILZ589839 ICD589839 HSH589839 HIL589839 GYP589839 GOT589839 GEX589839 FVB589839 FLF589839 FBJ589839 ERN589839 EHR589839 DXV589839 DNZ589839 DED589839 CUH589839 CKL589839 CAP589839 BQT589839 BGX589839 AXB589839 ANF589839 ADJ589839 TN589839 JR589839 Q589839 WWD524303 WMH524303 WCL524303 VSP524303 VIT524303 UYX524303 UPB524303 UFF524303 TVJ524303 TLN524303 TBR524303 SRV524303 SHZ524303 RYD524303 ROH524303 REL524303 QUP524303 QKT524303 QAX524303 PRB524303 PHF524303 OXJ524303 ONN524303 ODR524303 NTV524303 NJZ524303 NAD524303 MQH524303 MGL524303 LWP524303 LMT524303 LCX524303 KTB524303 KJF524303 JZJ524303 JPN524303 JFR524303 IVV524303 ILZ524303 ICD524303 HSH524303 HIL524303 GYP524303 GOT524303 GEX524303 FVB524303 FLF524303 FBJ524303 ERN524303 EHR524303 DXV524303 DNZ524303 DED524303 CUH524303 CKL524303 CAP524303 BQT524303 BGX524303 AXB524303 ANF524303 ADJ524303 TN524303 JR524303 Q524303 WWD458767 WMH458767 WCL458767 VSP458767 VIT458767 UYX458767 UPB458767 UFF458767 TVJ458767 TLN458767 TBR458767 SRV458767 SHZ458767 RYD458767 ROH458767 REL458767 QUP458767 QKT458767 QAX458767 PRB458767 PHF458767 OXJ458767 ONN458767 ODR458767 NTV458767 NJZ458767 NAD458767 MQH458767 MGL458767 LWP458767 LMT458767 LCX458767 KTB458767 KJF458767 JZJ458767 JPN458767 JFR458767 IVV458767 ILZ458767 ICD458767 HSH458767 HIL458767 GYP458767 GOT458767 GEX458767 FVB458767 FLF458767 FBJ458767 ERN458767 EHR458767 DXV458767 DNZ458767 DED458767 CUH458767 CKL458767 CAP458767 BQT458767 BGX458767 AXB458767 ANF458767 ADJ458767 TN458767 JR458767 Q458767 WWD393231 WMH393231 WCL393231 VSP393231 VIT393231 UYX393231 UPB393231 UFF393231 TVJ393231 TLN393231 TBR393231 SRV393231 SHZ393231 RYD393231 ROH393231 REL393231 QUP393231 QKT393231 QAX393231 PRB393231 PHF393231 OXJ393231 ONN393231 ODR393231 NTV393231 NJZ393231 NAD393231 MQH393231 MGL393231 LWP393231 LMT393231 LCX393231 KTB393231 KJF393231 JZJ393231 JPN393231 JFR393231 IVV393231 ILZ393231 ICD393231 HSH393231 HIL393231 GYP393231 GOT393231 GEX393231 FVB393231 FLF393231 FBJ393231 ERN393231 EHR393231 DXV393231 DNZ393231 DED393231 CUH393231 CKL393231 CAP393231 BQT393231 BGX393231 AXB393231 ANF393231 ADJ393231 TN393231 JR393231 Q393231 WWD327695 WMH327695 WCL327695 VSP327695 VIT327695 UYX327695 UPB327695 UFF327695 TVJ327695 TLN327695 TBR327695 SRV327695 SHZ327695 RYD327695 ROH327695 REL327695 QUP327695 QKT327695 QAX327695 PRB327695 PHF327695 OXJ327695 ONN327695 ODR327695 NTV327695 NJZ327695 NAD327695 MQH327695 MGL327695 LWP327695 LMT327695 LCX327695 KTB327695 KJF327695 JZJ327695 JPN327695 JFR327695 IVV327695 ILZ327695 ICD327695 HSH327695 HIL327695 GYP327695 GOT327695 GEX327695 FVB327695 FLF327695 FBJ327695 ERN327695 EHR327695 DXV327695 DNZ327695 DED327695 CUH327695 CKL327695 CAP327695 BQT327695 BGX327695 AXB327695 ANF327695 ADJ327695 TN327695 JR327695 Q327695 WWD262159 WMH262159 WCL262159 VSP262159 VIT262159 UYX262159 UPB262159 UFF262159 TVJ262159 TLN262159 TBR262159 SRV262159 SHZ262159 RYD262159 ROH262159 REL262159 QUP262159 QKT262159 QAX262159 PRB262159 PHF262159 OXJ262159 ONN262159 ODR262159 NTV262159 NJZ262159 NAD262159 MQH262159 MGL262159 LWP262159 LMT262159 LCX262159 KTB262159 KJF262159 JZJ262159 JPN262159 JFR262159 IVV262159 ILZ262159 ICD262159 HSH262159 HIL262159 GYP262159 GOT262159 GEX262159 FVB262159 FLF262159 FBJ262159 ERN262159 EHR262159 DXV262159 DNZ262159 DED262159 CUH262159 CKL262159 CAP262159 BQT262159 BGX262159 AXB262159 ANF262159 ADJ262159 TN262159 JR262159 Q262159 WWD196623 WMH196623 WCL196623 VSP196623 VIT196623 UYX196623 UPB196623 UFF196623 TVJ196623 TLN196623 TBR196623 SRV196623 SHZ196623 RYD196623 ROH196623 REL196623 QUP196623 QKT196623 QAX196623 PRB196623 PHF196623 OXJ196623 ONN196623 ODR196623 NTV196623 NJZ196623 NAD196623 MQH196623 MGL196623 LWP196623 LMT196623 LCX196623 KTB196623 KJF196623 JZJ196623 JPN196623 JFR196623 IVV196623 ILZ196623 ICD196623 HSH196623 HIL196623 GYP196623 GOT196623 GEX196623 FVB196623 FLF196623 FBJ196623 ERN196623 EHR196623 DXV196623 DNZ196623 DED196623 CUH196623 CKL196623 CAP196623 BQT196623 BGX196623 AXB196623 ANF196623 ADJ196623 TN196623 JR196623 Q196623 WWD131087 WMH131087 WCL131087 VSP131087 VIT131087 UYX131087 UPB131087 UFF131087 TVJ131087 TLN131087 TBR131087 SRV131087 SHZ131087 RYD131087 ROH131087 REL131087 QUP131087 QKT131087 QAX131087 PRB131087 PHF131087 OXJ131087 ONN131087 ODR131087 NTV131087 NJZ131087 NAD131087 MQH131087 MGL131087 LWP131087 LMT131087 LCX131087 KTB131087 KJF131087 JZJ131087 JPN131087 JFR131087 IVV131087 ILZ131087 ICD131087 HSH131087 HIL131087 GYP131087 GOT131087 GEX131087 FVB131087 FLF131087 FBJ131087 ERN131087 EHR131087 DXV131087 DNZ131087 DED131087 CUH131087 CKL131087 CAP131087 BQT131087 BGX131087 AXB131087 ANF131087 ADJ131087 TN131087 JR131087 Q131087 WWD65551 WMH65551 WCL65551 VSP65551 VIT65551 UYX65551 UPB65551 UFF65551 TVJ65551 TLN65551 TBR65551 SRV65551 SHZ65551 RYD65551 ROH65551 REL65551 QUP65551 QKT65551 QAX65551 PRB65551 PHF65551 OXJ65551 ONN65551 ODR65551 NTV65551 NJZ65551 NAD65551 MQH65551 MGL65551 LWP65551 LMT65551 LCX65551 KTB65551 KJF65551 JZJ65551 JPN65551 JFR65551 IVV65551 ILZ65551 ICD65551 HSH65551 HIL65551 GYP65551 GOT65551 GEX65551 FVB65551 FLF65551 FBJ65551 ERN65551 EHR65551 DXV65551 DNZ65551 DED65551 CUH65551 CKL65551 CAP65551 BQT65551 BGX65551 AXB65551 ANF65551 ADJ65551 TN65551 JR65551 Q65551 WWD15 WMH15 WCL15 VSP15 VIT15 UYX15 UPB15 UFF15 TVJ15 TLN15 TBR15 SRV15 SHZ15 RYD15 ROH15 REL15 QUP15 QKT15 QAX15 PRB15 PHF15 OXJ15 ONN15 ODR15 NTV15 NJZ15 NAD15 MQH15 MGL15 LWP15 LMT15 LCX15 KTB15 KJF15 JZJ15 JPN15 JFR15 IVV15 ILZ15 ICD15 HSH15 HIL15 GYP15 GOT15 GEX15 FVB15 FLF15 FBJ15 ERN15 EHR15 DXV15 DNZ15 DED15 CUH15 CKL15 CAP15 BQT15 BGX15 AXB15 ANF15 ADJ15 TN15 JR15 Q15 WVK983054:WVR983055 WLO983054:WLV983055 WBS983054:WBZ983055 VRW983054:VSD983055 VIA983054:VIH983055 UYE983054:UYL983055 UOI983054:UOP983055 UEM983054:UET983055 TUQ983054:TUX983055 TKU983054:TLB983055 TAY983054:TBF983055 SRC983054:SRJ983055 SHG983054:SHN983055 RXK983054:RXR983055 RNO983054:RNV983055 RDS983054:RDZ983055 QTW983054:QUD983055 QKA983054:QKH983055 QAE983054:QAL983055 PQI983054:PQP983055 PGM983054:PGT983055 OWQ983054:OWX983055 OMU983054:ONB983055 OCY983054:ODF983055 NTC983054:NTJ983055 NJG983054:NJN983055 MZK983054:MZR983055 MPO983054:MPV983055 MFS983054:MFZ983055 LVW983054:LWD983055 LMA983054:LMH983055 LCE983054:LCL983055 KSI983054:KSP983055 KIM983054:KIT983055 JYQ983054:JYX983055 JOU983054:JPB983055 JEY983054:JFF983055 IVC983054:IVJ983055 ILG983054:ILN983055 IBK983054:IBR983055 HRO983054:HRV983055 HHS983054:HHZ983055 GXW983054:GYD983055 GOA983054:GOH983055 GEE983054:GEL983055 FUI983054:FUP983055 FKM983054:FKT983055 FAQ983054:FAX983055 EQU983054:ERB983055 EGY983054:EHF983055 DXC983054:DXJ983055 DNG983054:DNN983055 DDK983054:DDR983055 CTO983054:CTV983055 CJS983054:CJZ983055 BZW983054:CAD983055 BQA983054:BQH983055 BGE983054:BGL983055 AWI983054:AWP983055 AMM983054:AMT983055 ACQ983054:ACX983055 SU983054:TB983055 IY983054:JF983055 E17:K18 WVK917518:WVR917519 WLO917518:WLV917519 WBS917518:WBZ917519 VRW917518:VSD917519 VIA917518:VIH917519 UYE917518:UYL917519 UOI917518:UOP917519 UEM917518:UET917519 TUQ917518:TUX917519 TKU917518:TLB917519 TAY917518:TBF917519 SRC917518:SRJ917519 SHG917518:SHN917519 RXK917518:RXR917519 RNO917518:RNV917519 RDS917518:RDZ917519 QTW917518:QUD917519 QKA917518:QKH917519 QAE917518:QAL917519 PQI917518:PQP917519 PGM917518:PGT917519 OWQ917518:OWX917519 OMU917518:ONB917519 OCY917518:ODF917519 NTC917518:NTJ917519 NJG917518:NJN917519 MZK917518:MZR917519 MPO917518:MPV917519 MFS917518:MFZ917519 LVW917518:LWD917519 LMA917518:LMH917519 LCE917518:LCL917519 KSI917518:KSP917519 KIM917518:KIT917519 JYQ917518:JYX917519 JOU917518:JPB917519 JEY917518:JFF917519 IVC917518:IVJ917519 ILG917518:ILN917519 IBK917518:IBR917519 HRO917518:HRV917519 HHS917518:HHZ917519 GXW917518:GYD917519 GOA917518:GOH917519 GEE917518:GEL917519 FUI917518:FUP917519 FKM917518:FKT917519 FAQ917518:FAX917519 EQU917518:ERB917519 EGY917518:EHF917519 DXC917518:DXJ917519 DNG917518:DNN917519 DDK917518:DDR917519 CTO917518:CTV917519 CJS917518:CJZ917519 BZW917518:CAD917519 BQA917518:BQH917519 BGE917518:BGL917519 AWI917518:AWP917519 AMM917518:AMT917519 ACQ917518:ACX917519 SU917518:TB917519 IY917518:JF917519 E983054:K983055 WVK851982:WVR851983 WLO851982:WLV851983 WBS851982:WBZ851983 VRW851982:VSD851983 VIA851982:VIH851983 UYE851982:UYL851983 UOI851982:UOP851983 UEM851982:UET851983 TUQ851982:TUX851983 TKU851982:TLB851983 TAY851982:TBF851983 SRC851982:SRJ851983 SHG851982:SHN851983 RXK851982:RXR851983 RNO851982:RNV851983 RDS851982:RDZ851983 QTW851982:QUD851983 QKA851982:QKH851983 QAE851982:QAL851983 PQI851982:PQP851983 PGM851982:PGT851983 OWQ851982:OWX851983 OMU851982:ONB851983 OCY851982:ODF851983 NTC851982:NTJ851983 NJG851982:NJN851983 MZK851982:MZR851983 MPO851982:MPV851983 MFS851982:MFZ851983 LVW851982:LWD851983 LMA851982:LMH851983 LCE851982:LCL851983 KSI851982:KSP851983 KIM851982:KIT851983 JYQ851982:JYX851983 JOU851982:JPB851983 JEY851982:JFF851983 IVC851982:IVJ851983 ILG851982:ILN851983 IBK851982:IBR851983 HRO851982:HRV851983 HHS851982:HHZ851983 GXW851982:GYD851983 GOA851982:GOH851983 GEE851982:GEL851983 FUI851982:FUP851983 FKM851982:FKT851983 FAQ851982:FAX851983 EQU851982:ERB851983 EGY851982:EHF851983 DXC851982:DXJ851983 DNG851982:DNN851983 DDK851982:DDR851983 CTO851982:CTV851983 CJS851982:CJZ851983 BZW851982:CAD851983 BQA851982:BQH851983 BGE851982:BGL851983 AWI851982:AWP851983 AMM851982:AMT851983 ACQ851982:ACX851983 SU851982:TB851983 IY851982:JF851983 E917518:K917519 WVK786446:WVR786447 WLO786446:WLV786447 WBS786446:WBZ786447 VRW786446:VSD786447 VIA786446:VIH786447 UYE786446:UYL786447 UOI786446:UOP786447 UEM786446:UET786447 TUQ786446:TUX786447 TKU786446:TLB786447 TAY786446:TBF786447 SRC786446:SRJ786447 SHG786446:SHN786447 RXK786446:RXR786447 RNO786446:RNV786447 RDS786446:RDZ786447 QTW786446:QUD786447 QKA786446:QKH786447 QAE786446:QAL786447 PQI786446:PQP786447 PGM786446:PGT786447 OWQ786446:OWX786447 OMU786446:ONB786447 OCY786446:ODF786447 NTC786446:NTJ786447 NJG786446:NJN786447 MZK786446:MZR786447 MPO786446:MPV786447 MFS786446:MFZ786447 LVW786446:LWD786447 LMA786446:LMH786447 LCE786446:LCL786447 KSI786446:KSP786447 KIM786446:KIT786447 JYQ786446:JYX786447 JOU786446:JPB786447 JEY786446:JFF786447 IVC786446:IVJ786447 ILG786446:ILN786447 IBK786446:IBR786447 HRO786446:HRV786447 HHS786446:HHZ786447 GXW786446:GYD786447 GOA786446:GOH786447 GEE786446:GEL786447 FUI786446:FUP786447 FKM786446:FKT786447 FAQ786446:FAX786447 EQU786446:ERB786447 EGY786446:EHF786447 DXC786446:DXJ786447 DNG786446:DNN786447 DDK786446:DDR786447 CTO786446:CTV786447 CJS786446:CJZ786447 BZW786446:CAD786447 BQA786446:BQH786447 BGE786446:BGL786447 AWI786446:AWP786447 AMM786446:AMT786447 ACQ786446:ACX786447 SU786446:TB786447 IY786446:JF786447 E851982:K851983 WVK720910:WVR720911 WLO720910:WLV720911 WBS720910:WBZ720911 VRW720910:VSD720911 VIA720910:VIH720911 UYE720910:UYL720911 UOI720910:UOP720911 UEM720910:UET720911 TUQ720910:TUX720911 TKU720910:TLB720911 TAY720910:TBF720911 SRC720910:SRJ720911 SHG720910:SHN720911 RXK720910:RXR720911 RNO720910:RNV720911 RDS720910:RDZ720911 QTW720910:QUD720911 QKA720910:QKH720911 QAE720910:QAL720911 PQI720910:PQP720911 PGM720910:PGT720911 OWQ720910:OWX720911 OMU720910:ONB720911 OCY720910:ODF720911 NTC720910:NTJ720911 NJG720910:NJN720911 MZK720910:MZR720911 MPO720910:MPV720911 MFS720910:MFZ720911 LVW720910:LWD720911 LMA720910:LMH720911 LCE720910:LCL720911 KSI720910:KSP720911 KIM720910:KIT720911 JYQ720910:JYX720911 JOU720910:JPB720911 JEY720910:JFF720911 IVC720910:IVJ720911 ILG720910:ILN720911 IBK720910:IBR720911 HRO720910:HRV720911 HHS720910:HHZ720911 GXW720910:GYD720911 GOA720910:GOH720911 GEE720910:GEL720911 FUI720910:FUP720911 FKM720910:FKT720911 FAQ720910:FAX720911 EQU720910:ERB720911 EGY720910:EHF720911 DXC720910:DXJ720911 DNG720910:DNN720911 DDK720910:DDR720911 CTO720910:CTV720911 CJS720910:CJZ720911 BZW720910:CAD720911 BQA720910:BQH720911 BGE720910:BGL720911 AWI720910:AWP720911 AMM720910:AMT720911 ACQ720910:ACX720911 SU720910:TB720911 IY720910:JF720911 E786446:K786447 WVK655374:WVR655375 WLO655374:WLV655375 WBS655374:WBZ655375 VRW655374:VSD655375 VIA655374:VIH655375 UYE655374:UYL655375 UOI655374:UOP655375 UEM655374:UET655375 TUQ655374:TUX655375 TKU655374:TLB655375 TAY655374:TBF655375 SRC655374:SRJ655375 SHG655374:SHN655375 RXK655374:RXR655375 RNO655374:RNV655375 RDS655374:RDZ655375 QTW655374:QUD655375 QKA655374:QKH655375 QAE655374:QAL655375 PQI655374:PQP655375 PGM655374:PGT655375 OWQ655374:OWX655375 OMU655374:ONB655375 OCY655374:ODF655375 NTC655374:NTJ655375 NJG655374:NJN655375 MZK655374:MZR655375 MPO655374:MPV655375 MFS655374:MFZ655375 LVW655374:LWD655375 LMA655374:LMH655375 LCE655374:LCL655375 KSI655374:KSP655375 KIM655374:KIT655375 JYQ655374:JYX655375 JOU655374:JPB655375 JEY655374:JFF655375 IVC655374:IVJ655375 ILG655374:ILN655375 IBK655374:IBR655375 HRO655374:HRV655375 HHS655374:HHZ655375 GXW655374:GYD655375 GOA655374:GOH655375 GEE655374:GEL655375 FUI655374:FUP655375 FKM655374:FKT655375 FAQ655374:FAX655375 EQU655374:ERB655375 EGY655374:EHF655375 DXC655374:DXJ655375 DNG655374:DNN655375 DDK655374:DDR655375 CTO655374:CTV655375 CJS655374:CJZ655375 BZW655374:CAD655375 BQA655374:BQH655375 BGE655374:BGL655375 AWI655374:AWP655375 AMM655374:AMT655375 ACQ655374:ACX655375 SU655374:TB655375 IY655374:JF655375 E720910:K720911 WVK589838:WVR589839 WLO589838:WLV589839 WBS589838:WBZ589839 VRW589838:VSD589839 VIA589838:VIH589839 UYE589838:UYL589839 UOI589838:UOP589839 UEM589838:UET589839 TUQ589838:TUX589839 TKU589838:TLB589839 TAY589838:TBF589839 SRC589838:SRJ589839 SHG589838:SHN589839 RXK589838:RXR589839 RNO589838:RNV589839 RDS589838:RDZ589839 QTW589838:QUD589839 QKA589838:QKH589839 QAE589838:QAL589839 PQI589838:PQP589839 PGM589838:PGT589839 OWQ589838:OWX589839 OMU589838:ONB589839 OCY589838:ODF589839 NTC589838:NTJ589839 NJG589838:NJN589839 MZK589838:MZR589839 MPO589838:MPV589839 MFS589838:MFZ589839 LVW589838:LWD589839 LMA589838:LMH589839 LCE589838:LCL589839 KSI589838:KSP589839 KIM589838:KIT589839 JYQ589838:JYX589839 JOU589838:JPB589839 JEY589838:JFF589839 IVC589838:IVJ589839 ILG589838:ILN589839 IBK589838:IBR589839 HRO589838:HRV589839 HHS589838:HHZ589839 GXW589838:GYD589839 GOA589838:GOH589839 GEE589838:GEL589839 FUI589838:FUP589839 FKM589838:FKT589839 FAQ589838:FAX589839 EQU589838:ERB589839 EGY589838:EHF589839 DXC589838:DXJ589839 DNG589838:DNN589839 DDK589838:DDR589839 CTO589838:CTV589839 CJS589838:CJZ589839 BZW589838:CAD589839 BQA589838:BQH589839 BGE589838:BGL589839 AWI589838:AWP589839 AMM589838:AMT589839 ACQ589838:ACX589839 SU589838:TB589839 IY589838:JF589839 E655374:K655375 WVK524302:WVR524303 WLO524302:WLV524303 WBS524302:WBZ524303 VRW524302:VSD524303 VIA524302:VIH524303 UYE524302:UYL524303 UOI524302:UOP524303 UEM524302:UET524303 TUQ524302:TUX524303 TKU524302:TLB524303 TAY524302:TBF524303 SRC524302:SRJ524303 SHG524302:SHN524303 RXK524302:RXR524303 RNO524302:RNV524303 RDS524302:RDZ524303 QTW524302:QUD524303 QKA524302:QKH524303 QAE524302:QAL524303 PQI524302:PQP524303 PGM524302:PGT524303 OWQ524302:OWX524303 OMU524302:ONB524303 OCY524302:ODF524303 NTC524302:NTJ524303 NJG524302:NJN524303 MZK524302:MZR524303 MPO524302:MPV524303 MFS524302:MFZ524303 LVW524302:LWD524303 LMA524302:LMH524303 LCE524302:LCL524303 KSI524302:KSP524303 KIM524302:KIT524303 JYQ524302:JYX524303 JOU524302:JPB524303 JEY524302:JFF524303 IVC524302:IVJ524303 ILG524302:ILN524303 IBK524302:IBR524303 HRO524302:HRV524303 HHS524302:HHZ524303 GXW524302:GYD524303 GOA524302:GOH524303 GEE524302:GEL524303 FUI524302:FUP524303 FKM524302:FKT524303 FAQ524302:FAX524303 EQU524302:ERB524303 EGY524302:EHF524303 DXC524302:DXJ524303 DNG524302:DNN524303 DDK524302:DDR524303 CTO524302:CTV524303 CJS524302:CJZ524303 BZW524302:CAD524303 BQA524302:BQH524303 BGE524302:BGL524303 AWI524302:AWP524303 AMM524302:AMT524303 ACQ524302:ACX524303 SU524302:TB524303 IY524302:JF524303 E589838:K589839 WVK458766:WVR458767 WLO458766:WLV458767 WBS458766:WBZ458767 VRW458766:VSD458767 VIA458766:VIH458767 UYE458766:UYL458767 UOI458766:UOP458767 UEM458766:UET458767 TUQ458766:TUX458767 TKU458766:TLB458767 TAY458766:TBF458767 SRC458766:SRJ458767 SHG458766:SHN458767 RXK458766:RXR458767 RNO458766:RNV458767 RDS458766:RDZ458767 QTW458766:QUD458767 QKA458766:QKH458767 QAE458766:QAL458767 PQI458766:PQP458767 PGM458766:PGT458767 OWQ458766:OWX458767 OMU458766:ONB458767 OCY458766:ODF458767 NTC458766:NTJ458767 NJG458766:NJN458767 MZK458766:MZR458767 MPO458766:MPV458767 MFS458766:MFZ458767 LVW458766:LWD458767 LMA458766:LMH458767 LCE458766:LCL458767 KSI458766:KSP458767 KIM458766:KIT458767 JYQ458766:JYX458767 JOU458766:JPB458767 JEY458766:JFF458767 IVC458766:IVJ458767 ILG458766:ILN458767 IBK458766:IBR458767 HRO458766:HRV458767 HHS458766:HHZ458767 GXW458766:GYD458767 GOA458766:GOH458767 GEE458766:GEL458767 FUI458766:FUP458767 FKM458766:FKT458767 FAQ458766:FAX458767 EQU458766:ERB458767 EGY458766:EHF458767 DXC458766:DXJ458767 DNG458766:DNN458767 DDK458766:DDR458767 CTO458766:CTV458767 CJS458766:CJZ458767 BZW458766:CAD458767 BQA458766:BQH458767 BGE458766:BGL458767 AWI458766:AWP458767 AMM458766:AMT458767 ACQ458766:ACX458767 SU458766:TB458767 IY458766:JF458767 E524302:K524303 WVK393230:WVR393231 WLO393230:WLV393231 WBS393230:WBZ393231 VRW393230:VSD393231 VIA393230:VIH393231 UYE393230:UYL393231 UOI393230:UOP393231 UEM393230:UET393231 TUQ393230:TUX393231 TKU393230:TLB393231 TAY393230:TBF393231 SRC393230:SRJ393231 SHG393230:SHN393231 RXK393230:RXR393231 RNO393230:RNV393231 RDS393230:RDZ393231 QTW393230:QUD393231 QKA393230:QKH393231 QAE393230:QAL393231 PQI393230:PQP393231 PGM393230:PGT393231 OWQ393230:OWX393231 OMU393230:ONB393231 OCY393230:ODF393231 NTC393230:NTJ393231 NJG393230:NJN393231 MZK393230:MZR393231 MPO393230:MPV393231 MFS393230:MFZ393231 LVW393230:LWD393231 LMA393230:LMH393231 LCE393230:LCL393231 KSI393230:KSP393231 KIM393230:KIT393231 JYQ393230:JYX393231 JOU393230:JPB393231 JEY393230:JFF393231 IVC393230:IVJ393231 ILG393230:ILN393231 IBK393230:IBR393231 HRO393230:HRV393231 HHS393230:HHZ393231 GXW393230:GYD393231 GOA393230:GOH393231 GEE393230:GEL393231 FUI393230:FUP393231 FKM393230:FKT393231 FAQ393230:FAX393231 EQU393230:ERB393231 EGY393230:EHF393231 DXC393230:DXJ393231 DNG393230:DNN393231 DDK393230:DDR393231 CTO393230:CTV393231 CJS393230:CJZ393231 BZW393230:CAD393231 BQA393230:BQH393231 BGE393230:BGL393231 AWI393230:AWP393231 AMM393230:AMT393231 ACQ393230:ACX393231 SU393230:TB393231 IY393230:JF393231 E458766:K458767 WVK327694:WVR327695 WLO327694:WLV327695 WBS327694:WBZ327695 VRW327694:VSD327695 VIA327694:VIH327695 UYE327694:UYL327695 UOI327694:UOP327695 UEM327694:UET327695 TUQ327694:TUX327695 TKU327694:TLB327695 TAY327694:TBF327695 SRC327694:SRJ327695 SHG327694:SHN327695 RXK327694:RXR327695 RNO327694:RNV327695 RDS327694:RDZ327695 QTW327694:QUD327695 QKA327694:QKH327695 QAE327694:QAL327695 PQI327694:PQP327695 PGM327694:PGT327695 OWQ327694:OWX327695 OMU327694:ONB327695 OCY327694:ODF327695 NTC327694:NTJ327695 NJG327694:NJN327695 MZK327694:MZR327695 MPO327694:MPV327695 MFS327694:MFZ327695 LVW327694:LWD327695 LMA327694:LMH327695 LCE327694:LCL327695 KSI327694:KSP327695 KIM327694:KIT327695 JYQ327694:JYX327695 JOU327694:JPB327695 JEY327694:JFF327695 IVC327694:IVJ327695 ILG327694:ILN327695 IBK327694:IBR327695 HRO327694:HRV327695 HHS327694:HHZ327695 GXW327694:GYD327695 GOA327694:GOH327695 GEE327694:GEL327695 FUI327694:FUP327695 FKM327694:FKT327695 FAQ327694:FAX327695 EQU327694:ERB327695 EGY327694:EHF327695 DXC327694:DXJ327695 DNG327694:DNN327695 DDK327694:DDR327695 CTO327694:CTV327695 CJS327694:CJZ327695 BZW327694:CAD327695 BQA327694:BQH327695 BGE327694:BGL327695 AWI327694:AWP327695 AMM327694:AMT327695 ACQ327694:ACX327695 SU327694:TB327695 IY327694:JF327695 E393230:K393231 WVK262158:WVR262159 WLO262158:WLV262159 WBS262158:WBZ262159 VRW262158:VSD262159 VIA262158:VIH262159 UYE262158:UYL262159 UOI262158:UOP262159 UEM262158:UET262159 TUQ262158:TUX262159 TKU262158:TLB262159 TAY262158:TBF262159 SRC262158:SRJ262159 SHG262158:SHN262159 RXK262158:RXR262159 RNO262158:RNV262159 RDS262158:RDZ262159 QTW262158:QUD262159 QKA262158:QKH262159 QAE262158:QAL262159 PQI262158:PQP262159 PGM262158:PGT262159 OWQ262158:OWX262159 OMU262158:ONB262159 OCY262158:ODF262159 NTC262158:NTJ262159 NJG262158:NJN262159 MZK262158:MZR262159 MPO262158:MPV262159 MFS262158:MFZ262159 LVW262158:LWD262159 LMA262158:LMH262159 LCE262158:LCL262159 KSI262158:KSP262159 KIM262158:KIT262159 JYQ262158:JYX262159 JOU262158:JPB262159 JEY262158:JFF262159 IVC262158:IVJ262159 ILG262158:ILN262159 IBK262158:IBR262159 HRO262158:HRV262159 HHS262158:HHZ262159 GXW262158:GYD262159 GOA262158:GOH262159 GEE262158:GEL262159 FUI262158:FUP262159 FKM262158:FKT262159 FAQ262158:FAX262159 EQU262158:ERB262159 EGY262158:EHF262159 DXC262158:DXJ262159 DNG262158:DNN262159 DDK262158:DDR262159 CTO262158:CTV262159 CJS262158:CJZ262159 BZW262158:CAD262159 BQA262158:BQH262159 BGE262158:BGL262159 AWI262158:AWP262159 AMM262158:AMT262159 ACQ262158:ACX262159 SU262158:TB262159 IY262158:JF262159 E327694:K327695 WVK196622:WVR196623 WLO196622:WLV196623 WBS196622:WBZ196623 VRW196622:VSD196623 VIA196622:VIH196623 UYE196622:UYL196623 UOI196622:UOP196623 UEM196622:UET196623 TUQ196622:TUX196623 TKU196622:TLB196623 TAY196622:TBF196623 SRC196622:SRJ196623 SHG196622:SHN196623 RXK196622:RXR196623 RNO196622:RNV196623 RDS196622:RDZ196623 QTW196622:QUD196623 QKA196622:QKH196623 QAE196622:QAL196623 PQI196622:PQP196623 PGM196622:PGT196623 OWQ196622:OWX196623 OMU196622:ONB196623 OCY196622:ODF196623 NTC196622:NTJ196623 NJG196622:NJN196623 MZK196622:MZR196623 MPO196622:MPV196623 MFS196622:MFZ196623 LVW196622:LWD196623 LMA196622:LMH196623 LCE196622:LCL196623 KSI196622:KSP196623 KIM196622:KIT196623 JYQ196622:JYX196623 JOU196622:JPB196623 JEY196622:JFF196623 IVC196622:IVJ196623 ILG196622:ILN196623 IBK196622:IBR196623 HRO196622:HRV196623 HHS196622:HHZ196623 GXW196622:GYD196623 GOA196622:GOH196623 GEE196622:GEL196623 FUI196622:FUP196623 FKM196622:FKT196623 FAQ196622:FAX196623 EQU196622:ERB196623 EGY196622:EHF196623 DXC196622:DXJ196623 DNG196622:DNN196623 DDK196622:DDR196623 CTO196622:CTV196623 CJS196622:CJZ196623 BZW196622:CAD196623 BQA196622:BQH196623 BGE196622:BGL196623 AWI196622:AWP196623 AMM196622:AMT196623 ACQ196622:ACX196623 SU196622:TB196623 IY196622:JF196623 E262158:K262159 WVK131086:WVR131087 WLO131086:WLV131087 WBS131086:WBZ131087 VRW131086:VSD131087 VIA131086:VIH131087 UYE131086:UYL131087 UOI131086:UOP131087 UEM131086:UET131087 TUQ131086:TUX131087 TKU131086:TLB131087 TAY131086:TBF131087 SRC131086:SRJ131087 SHG131086:SHN131087 RXK131086:RXR131087 RNO131086:RNV131087 RDS131086:RDZ131087 QTW131086:QUD131087 QKA131086:QKH131087 QAE131086:QAL131087 PQI131086:PQP131087 PGM131086:PGT131087 OWQ131086:OWX131087 OMU131086:ONB131087 OCY131086:ODF131087 NTC131086:NTJ131087 NJG131086:NJN131087 MZK131086:MZR131087 MPO131086:MPV131087 MFS131086:MFZ131087 LVW131086:LWD131087 LMA131086:LMH131087 LCE131086:LCL131087 KSI131086:KSP131087 KIM131086:KIT131087 JYQ131086:JYX131087 JOU131086:JPB131087 JEY131086:JFF131087 IVC131086:IVJ131087 ILG131086:ILN131087 IBK131086:IBR131087 HRO131086:HRV131087 HHS131086:HHZ131087 GXW131086:GYD131087 GOA131086:GOH131087 GEE131086:GEL131087 FUI131086:FUP131087 FKM131086:FKT131087 FAQ131086:FAX131087 EQU131086:ERB131087 EGY131086:EHF131087 DXC131086:DXJ131087 DNG131086:DNN131087 DDK131086:DDR131087 CTO131086:CTV131087 CJS131086:CJZ131087 BZW131086:CAD131087 BQA131086:BQH131087 BGE131086:BGL131087 AWI131086:AWP131087 AMM131086:AMT131087 ACQ131086:ACX131087 SU131086:TB131087 IY131086:JF131087 E196622:K196623 WVK65550:WVR65551 WLO65550:WLV65551 WBS65550:WBZ65551 VRW65550:VSD65551 VIA65550:VIH65551 UYE65550:UYL65551 UOI65550:UOP65551 UEM65550:UET65551 TUQ65550:TUX65551 TKU65550:TLB65551 TAY65550:TBF65551 SRC65550:SRJ65551 SHG65550:SHN65551 RXK65550:RXR65551 RNO65550:RNV65551 RDS65550:RDZ65551 QTW65550:QUD65551 QKA65550:QKH65551 QAE65550:QAL65551 PQI65550:PQP65551 PGM65550:PGT65551 OWQ65550:OWX65551 OMU65550:ONB65551 OCY65550:ODF65551 NTC65550:NTJ65551 NJG65550:NJN65551 MZK65550:MZR65551 MPO65550:MPV65551 MFS65550:MFZ65551 LVW65550:LWD65551 LMA65550:LMH65551 LCE65550:LCL65551 KSI65550:KSP65551 KIM65550:KIT65551 JYQ65550:JYX65551 JOU65550:JPB65551 JEY65550:JFF65551 IVC65550:IVJ65551 ILG65550:ILN65551 IBK65550:IBR65551 HRO65550:HRV65551 HHS65550:HHZ65551 GXW65550:GYD65551 GOA65550:GOH65551 GEE65550:GEL65551 FUI65550:FUP65551 FKM65550:FKT65551 FAQ65550:FAX65551 EQU65550:ERB65551 EGY65550:EHF65551 DXC65550:DXJ65551 DNG65550:DNN65551 DDK65550:DDR65551 CTO65550:CTV65551 CJS65550:CJZ65551 BZW65550:CAD65551 BQA65550:BQH65551 BGE65550:BGL65551 AWI65550:AWP65551 AMM65550:AMT65551 ACQ65550:ACX65551 SU65550:TB65551 IY65550:JF65551 E131086:K131087 WVK14:WVR15 WLO14:WLV15 WBS14:WBZ15 VRW14:VSD15 VIA14:VIH15 UYE14:UYL15 UOI14:UOP15 UEM14:UET15 TUQ14:TUX15 TKU14:TLB15 TAY14:TBF15 SRC14:SRJ15 SHG14:SHN15 RXK14:RXR15 RNO14:RNV15 RDS14:RDZ15 QTW14:QUD15 QKA14:QKH15 QAE14:QAL15 PQI14:PQP15 PGM14:PGT15 OWQ14:OWX15 OMU14:ONB15 OCY14:ODF15 NTC14:NTJ15 NJG14:NJN15 MZK14:MZR15 MPO14:MPV15 MFS14:MFZ15 LVW14:LWD15 LMA14:LMH15 LCE14:LCL15 KSI14:KSP15 KIM14:KIT15 JYQ14:JYX15 JOU14:JPB15 JEY14:JFF15 IVC14:IVJ15 ILG14:ILN15 IBK14:IBR15 HRO14:HRV15 HHS14:HHZ15 GXW14:GYD15 GOA14:GOH15 GEE14:GEL15 FUI14:FUP15 FKM14:FKT15 FAQ14:FAX15 EQU14:ERB15 EGY14:EHF15 DXC14:DXJ15 DNG14:DNN15 DDK14:DDR15 CTO14:CTV15 CJS14:CJZ15 BZW14:CAD15 BQA14:BQH15 BGE14:BGL15 AWI14:AWP15 AMM14:AMT15 ACQ14:ACX15 SU14:TB15 IY14:JF15 E65550:K65551 WVT983057:WVW983058 WLX983057:WMA983058 WCB983057:WCE983058 VSF983057:VSI983058 VIJ983057:VIM983058 UYN983057:UYQ983058 UOR983057:UOU983058 UEV983057:UEY983058 TUZ983057:TVC983058 TLD983057:TLG983058 TBH983057:TBK983058 SRL983057:SRO983058 SHP983057:SHS983058 RXT983057:RXW983058 RNX983057:ROA983058 REB983057:REE983058 QUF983057:QUI983058 QKJ983057:QKM983058 QAN983057:QAQ983058 PQR983057:PQU983058 PGV983057:PGY983058 OWZ983057:OXC983058 OND983057:ONG983058 ODH983057:ODK983058 NTL983057:NTO983058 NJP983057:NJS983058 MZT983057:MZW983058 MPX983057:MQA983058 MGB983057:MGE983058 LWF983057:LWI983058 LMJ983057:LMM983058 LCN983057:LCQ983058 KSR983057:KSU983058 KIV983057:KIY983058 JYZ983057:JZC983058 JPD983057:JPG983058 JFH983057:JFK983058 IVL983057:IVO983058 ILP983057:ILS983058 IBT983057:IBW983058 HRX983057:HSA983058 HIB983057:HIE983058 GYF983057:GYI983058 GOJ983057:GOM983058 GEN983057:GEQ983058 FUR983057:FUU983058 FKV983057:FKY983058 FAZ983057:FBC983058 ERD983057:ERG983058 EHH983057:EHK983058 DXL983057:DXO983058 DNP983057:DNS983058 DDT983057:DDW983058 CTX983057:CUA983058 CKB983057:CKE983058 CAF983057:CAI983058 BQJ983057:BQM983058 BGN983057:BGQ983058 AWR983057:AWU983058 AMV983057:AMY983058 ACZ983057:ADC983058 TD983057:TG983058 JH983057:JK983058 M983057:P983058 WVT917521:WVW917522 WLX917521:WMA917522 WCB917521:WCE917522 VSF917521:VSI917522 VIJ917521:VIM917522 UYN917521:UYQ917522 UOR917521:UOU917522 UEV917521:UEY917522 TUZ917521:TVC917522 TLD917521:TLG917522 TBH917521:TBK917522 SRL917521:SRO917522 SHP917521:SHS917522 RXT917521:RXW917522 RNX917521:ROA917522 REB917521:REE917522 QUF917521:QUI917522 QKJ917521:QKM917522 QAN917521:QAQ917522 PQR917521:PQU917522 PGV917521:PGY917522 OWZ917521:OXC917522 OND917521:ONG917522 ODH917521:ODK917522 NTL917521:NTO917522 NJP917521:NJS917522 MZT917521:MZW917522 MPX917521:MQA917522 MGB917521:MGE917522 LWF917521:LWI917522 LMJ917521:LMM917522 LCN917521:LCQ917522 KSR917521:KSU917522 KIV917521:KIY917522 JYZ917521:JZC917522 JPD917521:JPG917522 JFH917521:JFK917522 IVL917521:IVO917522 ILP917521:ILS917522 IBT917521:IBW917522 HRX917521:HSA917522 HIB917521:HIE917522 GYF917521:GYI917522 GOJ917521:GOM917522 GEN917521:GEQ917522 FUR917521:FUU917522 FKV917521:FKY917522 FAZ917521:FBC917522 ERD917521:ERG917522 EHH917521:EHK917522 DXL917521:DXO917522 DNP917521:DNS917522 DDT917521:DDW917522 CTX917521:CUA917522 CKB917521:CKE917522 CAF917521:CAI917522 BQJ917521:BQM917522 BGN917521:BGQ917522 AWR917521:AWU917522 AMV917521:AMY917522 ACZ917521:ADC917522 TD917521:TG917522 JH917521:JK917522 M917521:P917522 WVT851985:WVW851986 WLX851985:WMA851986 WCB851985:WCE851986 VSF851985:VSI851986 VIJ851985:VIM851986 UYN851985:UYQ851986 UOR851985:UOU851986 UEV851985:UEY851986 TUZ851985:TVC851986 TLD851985:TLG851986 TBH851985:TBK851986 SRL851985:SRO851986 SHP851985:SHS851986 RXT851985:RXW851986 RNX851985:ROA851986 REB851985:REE851986 QUF851985:QUI851986 QKJ851985:QKM851986 QAN851985:QAQ851986 PQR851985:PQU851986 PGV851985:PGY851986 OWZ851985:OXC851986 OND851985:ONG851986 ODH851985:ODK851986 NTL851985:NTO851986 NJP851985:NJS851986 MZT851985:MZW851986 MPX851985:MQA851986 MGB851985:MGE851986 LWF851985:LWI851986 LMJ851985:LMM851986 LCN851985:LCQ851986 KSR851985:KSU851986 KIV851985:KIY851986 JYZ851985:JZC851986 JPD851985:JPG851986 JFH851985:JFK851986 IVL851985:IVO851986 ILP851985:ILS851986 IBT851985:IBW851986 HRX851985:HSA851986 HIB851985:HIE851986 GYF851985:GYI851986 GOJ851985:GOM851986 GEN851985:GEQ851986 FUR851985:FUU851986 FKV851985:FKY851986 FAZ851985:FBC851986 ERD851985:ERG851986 EHH851985:EHK851986 DXL851985:DXO851986 DNP851985:DNS851986 DDT851985:DDW851986 CTX851985:CUA851986 CKB851985:CKE851986 CAF851985:CAI851986 BQJ851985:BQM851986 BGN851985:BGQ851986 AWR851985:AWU851986 AMV851985:AMY851986 ACZ851985:ADC851986 TD851985:TG851986 JH851985:JK851986 M851985:P851986 WVT786449:WVW786450 WLX786449:WMA786450 WCB786449:WCE786450 VSF786449:VSI786450 VIJ786449:VIM786450 UYN786449:UYQ786450 UOR786449:UOU786450 UEV786449:UEY786450 TUZ786449:TVC786450 TLD786449:TLG786450 TBH786449:TBK786450 SRL786449:SRO786450 SHP786449:SHS786450 RXT786449:RXW786450 RNX786449:ROA786450 REB786449:REE786450 QUF786449:QUI786450 QKJ786449:QKM786450 QAN786449:QAQ786450 PQR786449:PQU786450 PGV786449:PGY786450 OWZ786449:OXC786450 OND786449:ONG786450 ODH786449:ODK786450 NTL786449:NTO786450 NJP786449:NJS786450 MZT786449:MZW786450 MPX786449:MQA786450 MGB786449:MGE786450 LWF786449:LWI786450 LMJ786449:LMM786450 LCN786449:LCQ786450 KSR786449:KSU786450 KIV786449:KIY786450 JYZ786449:JZC786450 JPD786449:JPG786450 JFH786449:JFK786450 IVL786449:IVO786450 ILP786449:ILS786450 IBT786449:IBW786450 HRX786449:HSA786450 HIB786449:HIE786450 GYF786449:GYI786450 GOJ786449:GOM786450 GEN786449:GEQ786450 FUR786449:FUU786450 FKV786449:FKY786450 FAZ786449:FBC786450 ERD786449:ERG786450 EHH786449:EHK786450 DXL786449:DXO786450 DNP786449:DNS786450 DDT786449:DDW786450 CTX786449:CUA786450 CKB786449:CKE786450 CAF786449:CAI786450 BQJ786449:BQM786450 BGN786449:BGQ786450 AWR786449:AWU786450 AMV786449:AMY786450 ACZ786449:ADC786450 TD786449:TG786450 JH786449:JK786450 M786449:P786450 WVT720913:WVW720914 WLX720913:WMA720914 WCB720913:WCE720914 VSF720913:VSI720914 VIJ720913:VIM720914 UYN720913:UYQ720914 UOR720913:UOU720914 UEV720913:UEY720914 TUZ720913:TVC720914 TLD720913:TLG720914 TBH720913:TBK720914 SRL720913:SRO720914 SHP720913:SHS720914 RXT720913:RXW720914 RNX720913:ROA720914 REB720913:REE720914 QUF720913:QUI720914 QKJ720913:QKM720914 QAN720913:QAQ720914 PQR720913:PQU720914 PGV720913:PGY720914 OWZ720913:OXC720914 OND720913:ONG720914 ODH720913:ODK720914 NTL720913:NTO720914 NJP720913:NJS720914 MZT720913:MZW720914 MPX720913:MQA720914 MGB720913:MGE720914 LWF720913:LWI720914 LMJ720913:LMM720914 LCN720913:LCQ720914 KSR720913:KSU720914 KIV720913:KIY720914 JYZ720913:JZC720914 JPD720913:JPG720914 JFH720913:JFK720914 IVL720913:IVO720914 ILP720913:ILS720914 IBT720913:IBW720914 HRX720913:HSA720914 HIB720913:HIE720914 GYF720913:GYI720914 GOJ720913:GOM720914 GEN720913:GEQ720914 FUR720913:FUU720914 FKV720913:FKY720914 FAZ720913:FBC720914 ERD720913:ERG720914 EHH720913:EHK720914 DXL720913:DXO720914 DNP720913:DNS720914 DDT720913:DDW720914 CTX720913:CUA720914 CKB720913:CKE720914 CAF720913:CAI720914 BQJ720913:BQM720914 BGN720913:BGQ720914 AWR720913:AWU720914 AMV720913:AMY720914 ACZ720913:ADC720914 TD720913:TG720914 JH720913:JK720914 M720913:P720914 WVT655377:WVW655378 WLX655377:WMA655378 WCB655377:WCE655378 VSF655377:VSI655378 VIJ655377:VIM655378 UYN655377:UYQ655378 UOR655377:UOU655378 UEV655377:UEY655378 TUZ655377:TVC655378 TLD655377:TLG655378 TBH655377:TBK655378 SRL655377:SRO655378 SHP655377:SHS655378 RXT655377:RXW655378 RNX655377:ROA655378 REB655377:REE655378 QUF655377:QUI655378 QKJ655377:QKM655378 QAN655377:QAQ655378 PQR655377:PQU655378 PGV655377:PGY655378 OWZ655377:OXC655378 OND655377:ONG655378 ODH655377:ODK655378 NTL655377:NTO655378 NJP655377:NJS655378 MZT655377:MZW655378 MPX655377:MQA655378 MGB655377:MGE655378 LWF655377:LWI655378 LMJ655377:LMM655378 LCN655377:LCQ655378 KSR655377:KSU655378 KIV655377:KIY655378 JYZ655377:JZC655378 JPD655377:JPG655378 JFH655377:JFK655378 IVL655377:IVO655378 ILP655377:ILS655378 IBT655377:IBW655378 HRX655377:HSA655378 HIB655377:HIE655378 GYF655377:GYI655378 GOJ655377:GOM655378 GEN655377:GEQ655378 FUR655377:FUU655378 FKV655377:FKY655378 FAZ655377:FBC655378 ERD655377:ERG655378 EHH655377:EHK655378 DXL655377:DXO655378 DNP655377:DNS655378 DDT655377:DDW655378 CTX655377:CUA655378 CKB655377:CKE655378 CAF655377:CAI655378 BQJ655377:BQM655378 BGN655377:BGQ655378 AWR655377:AWU655378 AMV655377:AMY655378 ACZ655377:ADC655378 TD655377:TG655378 JH655377:JK655378 M655377:P655378 WVT589841:WVW589842 WLX589841:WMA589842 WCB589841:WCE589842 VSF589841:VSI589842 VIJ589841:VIM589842 UYN589841:UYQ589842 UOR589841:UOU589842 UEV589841:UEY589842 TUZ589841:TVC589842 TLD589841:TLG589842 TBH589841:TBK589842 SRL589841:SRO589842 SHP589841:SHS589842 RXT589841:RXW589842 RNX589841:ROA589842 REB589841:REE589842 QUF589841:QUI589842 QKJ589841:QKM589842 QAN589841:QAQ589842 PQR589841:PQU589842 PGV589841:PGY589842 OWZ589841:OXC589842 OND589841:ONG589842 ODH589841:ODK589842 NTL589841:NTO589842 NJP589841:NJS589842 MZT589841:MZW589842 MPX589841:MQA589842 MGB589841:MGE589842 LWF589841:LWI589842 LMJ589841:LMM589842 LCN589841:LCQ589842 KSR589841:KSU589842 KIV589841:KIY589842 JYZ589841:JZC589842 JPD589841:JPG589842 JFH589841:JFK589842 IVL589841:IVO589842 ILP589841:ILS589842 IBT589841:IBW589842 HRX589841:HSA589842 HIB589841:HIE589842 GYF589841:GYI589842 GOJ589841:GOM589842 GEN589841:GEQ589842 FUR589841:FUU589842 FKV589841:FKY589842 FAZ589841:FBC589842 ERD589841:ERG589842 EHH589841:EHK589842 DXL589841:DXO589842 DNP589841:DNS589842 DDT589841:DDW589842 CTX589841:CUA589842 CKB589841:CKE589842 CAF589841:CAI589842 BQJ589841:BQM589842 BGN589841:BGQ589842 AWR589841:AWU589842 AMV589841:AMY589842 ACZ589841:ADC589842 TD589841:TG589842 JH589841:JK589842 M589841:P589842 WVT524305:WVW524306 WLX524305:WMA524306 WCB524305:WCE524306 VSF524305:VSI524306 VIJ524305:VIM524306 UYN524305:UYQ524306 UOR524305:UOU524306 UEV524305:UEY524306 TUZ524305:TVC524306 TLD524305:TLG524306 TBH524305:TBK524306 SRL524305:SRO524306 SHP524305:SHS524306 RXT524305:RXW524306 RNX524305:ROA524306 REB524305:REE524306 QUF524305:QUI524306 QKJ524305:QKM524306 QAN524305:QAQ524306 PQR524305:PQU524306 PGV524305:PGY524306 OWZ524305:OXC524306 OND524305:ONG524306 ODH524305:ODK524306 NTL524305:NTO524306 NJP524305:NJS524306 MZT524305:MZW524306 MPX524305:MQA524306 MGB524305:MGE524306 LWF524305:LWI524306 LMJ524305:LMM524306 LCN524305:LCQ524306 KSR524305:KSU524306 KIV524305:KIY524306 JYZ524305:JZC524306 JPD524305:JPG524306 JFH524305:JFK524306 IVL524305:IVO524306 ILP524305:ILS524306 IBT524305:IBW524306 HRX524305:HSA524306 HIB524305:HIE524306 GYF524305:GYI524306 GOJ524305:GOM524306 GEN524305:GEQ524306 FUR524305:FUU524306 FKV524305:FKY524306 FAZ524305:FBC524306 ERD524305:ERG524306 EHH524305:EHK524306 DXL524305:DXO524306 DNP524305:DNS524306 DDT524305:DDW524306 CTX524305:CUA524306 CKB524305:CKE524306 CAF524305:CAI524306 BQJ524305:BQM524306 BGN524305:BGQ524306 AWR524305:AWU524306 AMV524305:AMY524306 ACZ524305:ADC524306 TD524305:TG524306 JH524305:JK524306 M524305:P524306 WVT458769:WVW458770 WLX458769:WMA458770 WCB458769:WCE458770 VSF458769:VSI458770 VIJ458769:VIM458770 UYN458769:UYQ458770 UOR458769:UOU458770 UEV458769:UEY458770 TUZ458769:TVC458770 TLD458769:TLG458770 TBH458769:TBK458770 SRL458769:SRO458770 SHP458769:SHS458770 RXT458769:RXW458770 RNX458769:ROA458770 REB458769:REE458770 QUF458769:QUI458770 QKJ458769:QKM458770 QAN458769:QAQ458770 PQR458769:PQU458770 PGV458769:PGY458770 OWZ458769:OXC458770 OND458769:ONG458770 ODH458769:ODK458770 NTL458769:NTO458770 NJP458769:NJS458770 MZT458769:MZW458770 MPX458769:MQA458770 MGB458769:MGE458770 LWF458769:LWI458770 LMJ458769:LMM458770 LCN458769:LCQ458770 KSR458769:KSU458770 KIV458769:KIY458770 JYZ458769:JZC458770 JPD458769:JPG458770 JFH458769:JFK458770 IVL458769:IVO458770 ILP458769:ILS458770 IBT458769:IBW458770 HRX458769:HSA458770 HIB458769:HIE458770 GYF458769:GYI458770 GOJ458769:GOM458770 GEN458769:GEQ458770 FUR458769:FUU458770 FKV458769:FKY458770 FAZ458769:FBC458770 ERD458769:ERG458770 EHH458769:EHK458770 DXL458769:DXO458770 DNP458769:DNS458770 DDT458769:DDW458770 CTX458769:CUA458770 CKB458769:CKE458770 CAF458769:CAI458770 BQJ458769:BQM458770 BGN458769:BGQ458770 AWR458769:AWU458770 AMV458769:AMY458770 ACZ458769:ADC458770 TD458769:TG458770 JH458769:JK458770 M458769:P458770 WVT393233:WVW393234 WLX393233:WMA393234 WCB393233:WCE393234 VSF393233:VSI393234 VIJ393233:VIM393234 UYN393233:UYQ393234 UOR393233:UOU393234 UEV393233:UEY393234 TUZ393233:TVC393234 TLD393233:TLG393234 TBH393233:TBK393234 SRL393233:SRO393234 SHP393233:SHS393234 RXT393233:RXW393234 RNX393233:ROA393234 REB393233:REE393234 QUF393233:QUI393234 QKJ393233:QKM393234 QAN393233:QAQ393234 PQR393233:PQU393234 PGV393233:PGY393234 OWZ393233:OXC393234 OND393233:ONG393234 ODH393233:ODK393234 NTL393233:NTO393234 NJP393233:NJS393234 MZT393233:MZW393234 MPX393233:MQA393234 MGB393233:MGE393234 LWF393233:LWI393234 LMJ393233:LMM393234 LCN393233:LCQ393234 KSR393233:KSU393234 KIV393233:KIY393234 JYZ393233:JZC393234 JPD393233:JPG393234 JFH393233:JFK393234 IVL393233:IVO393234 ILP393233:ILS393234 IBT393233:IBW393234 HRX393233:HSA393234 HIB393233:HIE393234 GYF393233:GYI393234 GOJ393233:GOM393234 GEN393233:GEQ393234 FUR393233:FUU393234 FKV393233:FKY393234 FAZ393233:FBC393234 ERD393233:ERG393234 EHH393233:EHK393234 DXL393233:DXO393234 DNP393233:DNS393234 DDT393233:DDW393234 CTX393233:CUA393234 CKB393233:CKE393234 CAF393233:CAI393234 BQJ393233:BQM393234 BGN393233:BGQ393234 AWR393233:AWU393234 AMV393233:AMY393234 ACZ393233:ADC393234 TD393233:TG393234 JH393233:JK393234 M393233:P393234 WVT327697:WVW327698 WLX327697:WMA327698 WCB327697:WCE327698 VSF327697:VSI327698 VIJ327697:VIM327698 UYN327697:UYQ327698 UOR327697:UOU327698 UEV327697:UEY327698 TUZ327697:TVC327698 TLD327697:TLG327698 TBH327697:TBK327698 SRL327697:SRO327698 SHP327697:SHS327698 RXT327697:RXW327698 RNX327697:ROA327698 REB327697:REE327698 QUF327697:QUI327698 QKJ327697:QKM327698 QAN327697:QAQ327698 PQR327697:PQU327698 PGV327697:PGY327698 OWZ327697:OXC327698 OND327697:ONG327698 ODH327697:ODK327698 NTL327697:NTO327698 NJP327697:NJS327698 MZT327697:MZW327698 MPX327697:MQA327698 MGB327697:MGE327698 LWF327697:LWI327698 LMJ327697:LMM327698 LCN327697:LCQ327698 KSR327697:KSU327698 KIV327697:KIY327698 JYZ327697:JZC327698 JPD327697:JPG327698 JFH327697:JFK327698 IVL327697:IVO327698 ILP327697:ILS327698 IBT327697:IBW327698 HRX327697:HSA327698 HIB327697:HIE327698 GYF327697:GYI327698 GOJ327697:GOM327698 GEN327697:GEQ327698 FUR327697:FUU327698 FKV327697:FKY327698 FAZ327697:FBC327698 ERD327697:ERG327698 EHH327697:EHK327698 DXL327697:DXO327698 DNP327697:DNS327698 DDT327697:DDW327698 CTX327697:CUA327698 CKB327697:CKE327698 CAF327697:CAI327698 BQJ327697:BQM327698 BGN327697:BGQ327698 AWR327697:AWU327698 AMV327697:AMY327698 ACZ327697:ADC327698 TD327697:TG327698 JH327697:JK327698 M327697:P327698 WVT262161:WVW262162 WLX262161:WMA262162 WCB262161:WCE262162 VSF262161:VSI262162 VIJ262161:VIM262162 UYN262161:UYQ262162 UOR262161:UOU262162 UEV262161:UEY262162 TUZ262161:TVC262162 TLD262161:TLG262162 TBH262161:TBK262162 SRL262161:SRO262162 SHP262161:SHS262162 RXT262161:RXW262162 RNX262161:ROA262162 REB262161:REE262162 QUF262161:QUI262162 QKJ262161:QKM262162 QAN262161:QAQ262162 PQR262161:PQU262162 PGV262161:PGY262162 OWZ262161:OXC262162 OND262161:ONG262162 ODH262161:ODK262162 NTL262161:NTO262162 NJP262161:NJS262162 MZT262161:MZW262162 MPX262161:MQA262162 MGB262161:MGE262162 LWF262161:LWI262162 LMJ262161:LMM262162 LCN262161:LCQ262162 KSR262161:KSU262162 KIV262161:KIY262162 JYZ262161:JZC262162 JPD262161:JPG262162 JFH262161:JFK262162 IVL262161:IVO262162 ILP262161:ILS262162 IBT262161:IBW262162 HRX262161:HSA262162 HIB262161:HIE262162 GYF262161:GYI262162 GOJ262161:GOM262162 GEN262161:GEQ262162 FUR262161:FUU262162 FKV262161:FKY262162 FAZ262161:FBC262162 ERD262161:ERG262162 EHH262161:EHK262162 DXL262161:DXO262162 DNP262161:DNS262162 DDT262161:DDW262162 CTX262161:CUA262162 CKB262161:CKE262162 CAF262161:CAI262162 BQJ262161:BQM262162 BGN262161:BGQ262162 AWR262161:AWU262162 AMV262161:AMY262162 ACZ262161:ADC262162 TD262161:TG262162 JH262161:JK262162 M262161:P262162 WVT196625:WVW196626 WLX196625:WMA196626 WCB196625:WCE196626 VSF196625:VSI196626 VIJ196625:VIM196626 UYN196625:UYQ196626 UOR196625:UOU196626 UEV196625:UEY196626 TUZ196625:TVC196626 TLD196625:TLG196626 TBH196625:TBK196626 SRL196625:SRO196626 SHP196625:SHS196626 RXT196625:RXW196626 RNX196625:ROA196626 REB196625:REE196626 QUF196625:QUI196626 QKJ196625:QKM196626 QAN196625:QAQ196626 PQR196625:PQU196626 PGV196625:PGY196626 OWZ196625:OXC196626 OND196625:ONG196626 ODH196625:ODK196626 NTL196625:NTO196626 NJP196625:NJS196626 MZT196625:MZW196626 MPX196625:MQA196626 MGB196625:MGE196626 LWF196625:LWI196626 LMJ196625:LMM196626 LCN196625:LCQ196626 KSR196625:KSU196626 KIV196625:KIY196626 JYZ196625:JZC196626 JPD196625:JPG196626 JFH196625:JFK196626 IVL196625:IVO196626 ILP196625:ILS196626 IBT196625:IBW196626 HRX196625:HSA196626 HIB196625:HIE196626 GYF196625:GYI196626 GOJ196625:GOM196626 GEN196625:GEQ196626 FUR196625:FUU196626 FKV196625:FKY196626 FAZ196625:FBC196626 ERD196625:ERG196626 EHH196625:EHK196626 DXL196625:DXO196626 DNP196625:DNS196626 DDT196625:DDW196626 CTX196625:CUA196626 CKB196625:CKE196626 CAF196625:CAI196626 BQJ196625:BQM196626 BGN196625:BGQ196626 AWR196625:AWU196626 AMV196625:AMY196626 ACZ196625:ADC196626 TD196625:TG196626 JH196625:JK196626 M196625:P196626 WVT131089:WVW131090 WLX131089:WMA131090 WCB131089:WCE131090 VSF131089:VSI131090 VIJ131089:VIM131090 UYN131089:UYQ131090 UOR131089:UOU131090 UEV131089:UEY131090 TUZ131089:TVC131090 TLD131089:TLG131090 TBH131089:TBK131090 SRL131089:SRO131090 SHP131089:SHS131090 RXT131089:RXW131090 RNX131089:ROA131090 REB131089:REE131090 QUF131089:QUI131090 QKJ131089:QKM131090 QAN131089:QAQ131090 PQR131089:PQU131090 PGV131089:PGY131090 OWZ131089:OXC131090 OND131089:ONG131090 ODH131089:ODK131090 NTL131089:NTO131090 NJP131089:NJS131090 MZT131089:MZW131090 MPX131089:MQA131090 MGB131089:MGE131090 LWF131089:LWI131090 LMJ131089:LMM131090 LCN131089:LCQ131090 KSR131089:KSU131090 KIV131089:KIY131090 JYZ131089:JZC131090 JPD131089:JPG131090 JFH131089:JFK131090 IVL131089:IVO131090 ILP131089:ILS131090 IBT131089:IBW131090 HRX131089:HSA131090 HIB131089:HIE131090 GYF131089:GYI131090 GOJ131089:GOM131090 GEN131089:GEQ131090 FUR131089:FUU131090 FKV131089:FKY131090 FAZ131089:FBC131090 ERD131089:ERG131090 EHH131089:EHK131090 DXL131089:DXO131090 DNP131089:DNS131090 DDT131089:DDW131090 CTX131089:CUA131090 CKB131089:CKE131090 CAF131089:CAI131090 BQJ131089:BQM131090 BGN131089:BGQ131090 AWR131089:AWU131090 AMV131089:AMY131090 ACZ131089:ADC131090 TD131089:TG131090 JH131089:JK131090 M131089:P131090 WVT65553:WVW65554 WLX65553:WMA65554 WCB65553:WCE65554 VSF65553:VSI65554 VIJ65553:VIM65554 UYN65553:UYQ65554 UOR65553:UOU65554 UEV65553:UEY65554 TUZ65553:TVC65554 TLD65553:TLG65554 TBH65553:TBK65554 SRL65553:SRO65554 SHP65553:SHS65554 RXT65553:RXW65554 RNX65553:ROA65554 REB65553:REE65554 QUF65553:QUI65554 QKJ65553:QKM65554 QAN65553:QAQ65554 PQR65553:PQU65554 PGV65553:PGY65554 OWZ65553:OXC65554 OND65553:ONG65554 ODH65553:ODK65554 NTL65553:NTO65554 NJP65553:NJS65554 MZT65553:MZW65554 MPX65553:MQA65554 MGB65553:MGE65554 LWF65553:LWI65554 LMJ65553:LMM65554 LCN65553:LCQ65554 KSR65553:KSU65554 KIV65553:KIY65554 JYZ65553:JZC65554 JPD65553:JPG65554 JFH65553:JFK65554 IVL65553:IVO65554 ILP65553:ILS65554 IBT65553:IBW65554 HRX65553:HSA65554 HIB65553:HIE65554 GYF65553:GYI65554 GOJ65553:GOM65554 GEN65553:GEQ65554 FUR65553:FUU65554 FKV65553:FKY65554 FAZ65553:FBC65554 ERD65553:ERG65554 EHH65553:EHK65554 DXL65553:DXO65554 DNP65553:DNS65554 DDT65553:DDW65554 CTX65553:CUA65554 CKB65553:CKE65554 CAF65553:CAI65554 BQJ65553:BQM65554 BGN65553:BGQ65554 AWR65553:AWU65554 AMV65553:AMY65554 ACZ65553:ADC65554 TD65553:TG65554 JH65553:JK65554 M65553:P65554 WVT17:WVW18 WLX17:WMA18 WCB17:WCE18 VSF17:VSI18 VIJ17:VIM18 UYN17:UYQ18 UOR17:UOU18 UEV17:UEY18 TUZ17:TVC18 TLD17:TLG18 TBH17:TBK18 SRL17:SRO18 SHP17:SHS18 RXT17:RXW18 RNX17:ROA18 REB17:REE18 QUF17:QUI18 QKJ17:QKM18 QAN17:QAQ18 PQR17:PQU18 PGV17:PGY18 OWZ17:OXC18 OND17:ONG18 ODH17:ODK18 NTL17:NTO18 NJP17:NJS18 MZT17:MZW18 MPX17:MQA18 MGB17:MGE18 LWF17:LWI18 LMJ17:LMM18 LCN17:LCQ18 KSR17:KSU18 KIV17:KIY18 JYZ17:JZC18 JPD17:JPG18 JFH17:JFK18 IVL17:IVO18 ILP17:ILS18 IBT17:IBW18 HRX17:HSA18 HIB17:HIE18 GYF17:GYI18 GOJ17:GOM18 GEN17:GEQ18 FUR17:FUU18 FKV17:FKY18 FAZ17:FBC18 ERD17:ERG18 EHH17:EHK18 DXL17:DXO18 DNP17:DNS18 DDT17:DDW18 CTX17:CUA18 CKB17:CKE18 CAF17:CAI18 BQJ17:BQM18 BGN17:BGQ18 AWR17:AWU18 AMV17:AMY18 ACZ17:ADC18 TD17:TG18 JH17:JK18 M14:P15 WVY983057:WWC983058 WMC983057:WMG983058 WCG983057:WCK983058 VSK983057:VSO983058 VIO983057:VIS983058 UYS983057:UYW983058 UOW983057:UPA983058 UFA983057:UFE983058 TVE983057:TVI983058 TLI983057:TLM983058 TBM983057:TBQ983058 SRQ983057:SRU983058 SHU983057:SHY983058 RXY983057:RYC983058 ROC983057:ROG983058 REG983057:REK983058 QUK983057:QUO983058 QKO983057:QKS983058 QAS983057:QAW983058 PQW983057:PRA983058 PHA983057:PHE983058 OXE983057:OXI983058 ONI983057:ONM983058 ODM983057:ODQ983058 NTQ983057:NTU983058 NJU983057:NJY983058 MZY983057:NAC983058 MQC983057:MQG983058 MGG983057:MGK983058 LWK983057:LWO983058 LMO983057:LMS983058 LCS983057:LCW983058 KSW983057:KTA983058 KJA983057:KJE983058 JZE983057:JZI983058 JPI983057:JPM983058 JFM983057:JFQ983058 IVQ983057:IVU983058 ILU983057:ILY983058 IBY983057:ICC983058 HSC983057:HSG983058 HIG983057:HIK983058 GYK983057:GYO983058 GOO983057:GOS983058 GES983057:GEW983058 FUW983057:FVA983058 FLA983057:FLE983058 FBE983057:FBI983058 ERI983057:ERM983058 EHM983057:EHQ983058 DXQ983057:DXU983058 DNU983057:DNY983058 DDY983057:DEC983058 CUC983057:CUG983058 CKG983057:CKK983058 CAK983057:CAO983058 BQO983057:BQS983058 BGS983057:BGW983058 AWW983057:AXA983058 ANA983057:ANE983058 ADE983057:ADI983058 TI983057:TM983058 JM983057:JQ983058 R983057:V983058 WVY917521:WWC917522 WMC917521:WMG917522 WCG917521:WCK917522 VSK917521:VSO917522 VIO917521:VIS917522 UYS917521:UYW917522 UOW917521:UPA917522 UFA917521:UFE917522 TVE917521:TVI917522 TLI917521:TLM917522 TBM917521:TBQ917522 SRQ917521:SRU917522 SHU917521:SHY917522 RXY917521:RYC917522 ROC917521:ROG917522 REG917521:REK917522 QUK917521:QUO917522 QKO917521:QKS917522 QAS917521:QAW917522 PQW917521:PRA917522 PHA917521:PHE917522 OXE917521:OXI917522 ONI917521:ONM917522 ODM917521:ODQ917522 NTQ917521:NTU917522 NJU917521:NJY917522 MZY917521:NAC917522 MQC917521:MQG917522 MGG917521:MGK917522 LWK917521:LWO917522 LMO917521:LMS917522 LCS917521:LCW917522 KSW917521:KTA917522 KJA917521:KJE917522 JZE917521:JZI917522 JPI917521:JPM917522 JFM917521:JFQ917522 IVQ917521:IVU917522 ILU917521:ILY917522 IBY917521:ICC917522 HSC917521:HSG917522 HIG917521:HIK917522 GYK917521:GYO917522 GOO917521:GOS917522 GES917521:GEW917522 FUW917521:FVA917522 FLA917521:FLE917522 FBE917521:FBI917522 ERI917521:ERM917522 EHM917521:EHQ917522 DXQ917521:DXU917522 DNU917521:DNY917522 DDY917521:DEC917522 CUC917521:CUG917522 CKG917521:CKK917522 CAK917521:CAO917522 BQO917521:BQS917522 BGS917521:BGW917522 AWW917521:AXA917522 ANA917521:ANE917522 ADE917521:ADI917522 TI917521:TM917522 JM917521:JQ917522 R917521:V917522 WVY851985:WWC851986 WMC851985:WMG851986 WCG851985:WCK851986 VSK851985:VSO851986 VIO851985:VIS851986 UYS851985:UYW851986 UOW851985:UPA851986 UFA851985:UFE851986 TVE851985:TVI851986 TLI851985:TLM851986 TBM851985:TBQ851986 SRQ851985:SRU851986 SHU851985:SHY851986 RXY851985:RYC851986 ROC851985:ROG851986 REG851985:REK851986 QUK851985:QUO851986 QKO851985:QKS851986 QAS851985:QAW851986 PQW851985:PRA851986 PHA851985:PHE851986 OXE851985:OXI851986 ONI851985:ONM851986 ODM851985:ODQ851986 NTQ851985:NTU851986 NJU851985:NJY851986 MZY851985:NAC851986 MQC851985:MQG851986 MGG851985:MGK851986 LWK851985:LWO851986 LMO851985:LMS851986 LCS851985:LCW851986 KSW851985:KTA851986 KJA851985:KJE851986 JZE851985:JZI851986 JPI851985:JPM851986 JFM851985:JFQ851986 IVQ851985:IVU851986 ILU851985:ILY851986 IBY851985:ICC851986 HSC851985:HSG851986 HIG851985:HIK851986 GYK851985:GYO851986 GOO851985:GOS851986 GES851985:GEW851986 FUW851985:FVA851986 FLA851985:FLE851986 FBE851985:FBI851986 ERI851985:ERM851986 EHM851985:EHQ851986 DXQ851985:DXU851986 DNU851985:DNY851986 DDY851985:DEC851986 CUC851985:CUG851986 CKG851985:CKK851986 CAK851985:CAO851986 BQO851985:BQS851986 BGS851985:BGW851986 AWW851985:AXA851986 ANA851985:ANE851986 ADE851985:ADI851986 TI851985:TM851986 JM851985:JQ851986 R851985:V851986 WVY786449:WWC786450 WMC786449:WMG786450 WCG786449:WCK786450 VSK786449:VSO786450 VIO786449:VIS786450 UYS786449:UYW786450 UOW786449:UPA786450 UFA786449:UFE786450 TVE786449:TVI786450 TLI786449:TLM786450 TBM786449:TBQ786450 SRQ786449:SRU786450 SHU786449:SHY786450 RXY786449:RYC786450 ROC786449:ROG786450 REG786449:REK786450 QUK786449:QUO786450 QKO786449:QKS786450 QAS786449:QAW786450 PQW786449:PRA786450 PHA786449:PHE786450 OXE786449:OXI786450 ONI786449:ONM786450 ODM786449:ODQ786450 NTQ786449:NTU786450 NJU786449:NJY786450 MZY786449:NAC786450 MQC786449:MQG786450 MGG786449:MGK786450 LWK786449:LWO786450 LMO786449:LMS786450 LCS786449:LCW786450 KSW786449:KTA786450 KJA786449:KJE786450 JZE786449:JZI786450 JPI786449:JPM786450 JFM786449:JFQ786450 IVQ786449:IVU786450 ILU786449:ILY786450 IBY786449:ICC786450 HSC786449:HSG786450 HIG786449:HIK786450 GYK786449:GYO786450 GOO786449:GOS786450 GES786449:GEW786450 FUW786449:FVA786450 FLA786449:FLE786450 FBE786449:FBI786450 ERI786449:ERM786450 EHM786449:EHQ786450 DXQ786449:DXU786450 DNU786449:DNY786450 DDY786449:DEC786450 CUC786449:CUG786450 CKG786449:CKK786450 CAK786449:CAO786450 BQO786449:BQS786450 BGS786449:BGW786450 AWW786449:AXA786450 ANA786449:ANE786450 ADE786449:ADI786450 TI786449:TM786450 JM786449:JQ786450 R786449:V786450 WVY720913:WWC720914 WMC720913:WMG720914 WCG720913:WCK720914 VSK720913:VSO720914 VIO720913:VIS720914 UYS720913:UYW720914 UOW720913:UPA720914 UFA720913:UFE720914 TVE720913:TVI720914 TLI720913:TLM720914 TBM720913:TBQ720914 SRQ720913:SRU720914 SHU720913:SHY720914 RXY720913:RYC720914 ROC720913:ROG720914 REG720913:REK720914 QUK720913:QUO720914 QKO720913:QKS720914 QAS720913:QAW720914 PQW720913:PRA720914 PHA720913:PHE720914 OXE720913:OXI720914 ONI720913:ONM720914 ODM720913:ODQ720914 NTQ720913:NTU720914 NJU720913:NJY720914 MZY720913:NAC720914 MQC720913:MQG720914 MGG720913:MGK720914 LWK720913:LWO720914 LMO720913:LMS720914 LCS720913:LCW720914 KSW720913:KTA720914 KJA720913:KJE720914 JZE720913:JZI720914 JPI720913:JPM720914 JFM720913:JFQ720914 IVQ720913:IVU720914 ILU720913:ILY720914 IBY720913:ICC720914 HSC720913:HSG720914 HIG720913:HIK720914 GYK720913:GYO720914 GOO720913:GOS720914 GES720913:GEW720914 FUW720913:FVA720914 FLA720913:FLE720914 FBE720913:FBI720914 ERI720913:ERM720914 EHM720913:EHQ720914 DXQ720913:DXU720914 DNU720913:DNY720914 DDY720913:DEC720914 CUC720913:CUG720914 CKG720913:CKK720914 CAK720913:CAO720914 BQO720913:BQS720914 BGS720913:BGW720914 AWW720913:AXA720914 ANA720913:ANE720914 ADE720913:ADI720914 TI720913:TM720914 JM720913:JQ720914 R720913:V720914 WVY655377:WWC655378 WMC655377:WMG655378 WCG655377:WCK655378 VSK655377:VSO655378 VIO655377:VIS655378 UYS655377:UYW655378 UOW655377:UPA655378 UFA655377:UFE655378 TVE655377:TVI655378 TLI655377:TLM655378 TBM655377:TBQ655378 SRQ655377:SRU655378 SHU655377:SHY655378 RXY655377:RYC655378 ROC655377:ROG655378 REG655377:REK655378 QUK655377:QUO655378 QKO655377:QKS655378 QAS655377:QAW655378 PQW655377:PRA655378 PHA655377:PHE655378 OXE655377:OXI655378 ONI655377:ONM655378 ODM655377:ODQ655378 NTQ655377:NTU655378 NJU655377:NJY655378 MZY655377:NAC655378 MQC655377:MQG655378 MGG655377:MGK655378 LWK655377:LWO655378 LMO655377:LMS655378 LCS655377:LCW655378 KSW655377:KTA655378 KJA655377:KJE655378 JZE655377:JZI655378 JPI655377:JPM655378 JFM655377:JFQ655378 IVQ655377:IVU655378 ILU655377:ILY655378 IBY655377:ICC655378 HSC655377:HSG655378 HIG655377:HIK655378 GYK655377:GYO655378 GOO655377:GOS655378 GES655377:GEW655378 FUW655377:FVA655378 FLA655377:FLE655378 FBE655377:FBI655378 ERI655377:ERM655378 EHM655377:EHQ655378 DXQ655377:DXU655378 DNU655377:DNY655378 DDY655377:DEC655378 CUC655377:CUG655378 CKG655377:CKK655378 CAK655377:CAO655378 BQO655377:BQS655378 BGS655377:BGW655378 AWW655377:AXA655378 ANA655377:ANE655378 ADE655377:ADI655378 TI655377:TM655378 JM655377:JQ655378 R655377:V655378 WVY589841:WWC589842 WMC589841:WMG589842 WCG589841:WCK589842 VSK589841:VSO589842 VIO589841:VIS589842 UYS589841:UYW589842 UOW589841:UPA589842 UFA589841:UFE589842 TVE589841:TVI589842 TLI589841:TLM589842 TBM589841:TBQ589842 SRQ589841:SRU589842 SHU589841:SHY589842 RXY589841:RYC589842 ROC589841:ROG589842 REG589841:REK589842 QUK589841:QUO589842 QKO589841:QKS589842 QAS589841:QAW589842 PQW589841:PRA589842 PHA589841:PHE589842 OXE589841:OXI589842 ONI589841:ONM589842 ODM589841:ODQ589842 NTQ589841:NTU589842 NJU589841:NJY589842 MZY589841:NAC589842 MQC589841:MQG589842 MGG589841:MGK589842 LWK589841:LWO589842 LMO589841:LMS589842 LCS589841:LCW589842 KSW589841:KTA589842 KJA589841:KJE589842 JZE589841:JZI589842 JPI589841:JPM589842 JFM589841:JFQ589842 IVQ589841:IVU589842 ILU589841:ILY589842 IBY589841:ICC589842 HSC589841:HSG589842 HIG589841:HIK589842 GYK589841:GYO589842 GOO589841:GOS589842 GES589841:GEW589842 FUW589841:FVA589842 FLA589841:FLE589842 FBE589841:FBI589842 ERI589841:ERM589842 EHM589841:EHQ589842 DXQ589841:DXU589842 DNU589841:DNY589842 DDY589841:DEC589842 CUC589841:CUG589842 CKG589841:CKK589842 CAK589841:CAO589842 BQO589841:BQS589842 BGS589841:BGW589842 AWW589841:AXA589842 ANA589841:ANE589842 ADE589841:ADI589842 TI589841:TM589842 JM589841:JQ589842 R589841:V589842 WVY524305:WWC524306 WMC524305:WMG524306 WCG524305:WCK524306 VSK524305:VSO524306 VIO524305:VIS524306 UYS524305:UYW524306 UOW524305:UPA524306 UFA524305:UFE524306 TVE524305:TVI524306 TLI524305:TLM524306 TBM524305:TBQ524306 SRQ524305:SRU524306 SHU524305:SHY524306 RXY524305:RYC524306 ROC524305:ROG524306 REG524305:REK524306 QUK524305:QUO524306 QKO524305:QKS524306 QAS524305:QAW524306 PQW524305:PRA524306 PHA524305:PHE524306 OXE524305:OXI524306 ONI524305:ONM524306 ODM524305:ODQ524306 NTQ524305:NTU524306 NJU524305:NJY524306 MZY524305:NAC524306 MQC524305:MQG524306 MGG524305:MGK524306 LWK524305:LWO524306 LMO524305:LMS524306 LCS524305:LCW524306 KSW524305:KTA524306 KJA524305:KJE524306 JZE524305:JZI524306 JPI524305:JPM524306 JFM524305:JFQ524306 IVQ524305:IVU524306 ILU524305:ILY524306 IBY524305:ICC524306 HSC524305:HSG524306 HIG524305:HIK524306 GYK524305:GYO524306 GOO524305:GOS524306 GES524305:GEW524306 FUW524305:FVA524306 FLA524305:FLE524306 FBE524305:FBI524306 ERI524305:ERM524306 EHM524305:EHQ524306 DXQ524305:DXU524306 DNU524305:DNY524306 DDY524305:DEC524306 CUC524305:CUG524306 CKG524305:CKK524306 CAK524305:CAO524306 BQO524305:BQS524306 BGS524305:BGW524306 AWW524305:AXA524306 ANA524305:ANE524306 ADE524305:ADI524306 TI524305:TM524306 JM524305:JQ524306 R524305:V524306 WVY458769:WWC458770 WMC458769:WMG458770 WCG458769:WCK458770 VSK458769:VSO458770 VIO458769:VIS458770 UYS458769:UYW458770 UOW458769:UPA458770 UFA458769:UFE458770 TVE458769:TVI458770 TLI458769:TLM458770 TBM458769:TBQ458770 SRQ458769:SRU458770 SHU458769:SHY458770 RXY458769:RYC458770 ROC458769:ROG458770 REG458769:REK458770 QUK458769:QUO458770 QKO458769:QKS458770 QAS458769:QAW458770 PQW458769:PRA458770 PHA458769:PHE458770 OXE458769:OXI458770 ONI458769:ONM458770 ODM458769:ODQ458770 NTQ458769:NTU458770 NJU458769:NJY458770 MZY458769:NAC458770 MQC458769:MQG458770 MGG458769:MGK458770 LWK458769:LWO458770 LMO458769:LMS458770 LCS458769:LCW458770 KSW458769:KTA458770 KJA458769:KJE458770 JZE458769:JZI458770 JPI458769:JPM458770 JFM458769:JFQ458770 IVQ458769:IVU458770 ILU458769:ILY458770 IBY458769:ICC458770 HSC458769:HSG458770 HIG458769:HIK458770 GYK458769:GYO458770 GOO458769:GOS458770 GES458769:GEW458770 FUW458769:FVA458770 FLA458769:FLE458770 FBE458769:FBI458770 ERI458769:ERM458770 EHM458769:EHQ458770 DXQ458769:DXU458770 DNU458769:DNY458770 DDY458769:DEC458770 CUC458769:CUG458770 CKG458769:CKK458770 CAK458769:CAO458770 BQO458769:BQS458770 BGS458769:BGW458770 AWW458769:AXA458770 ANA458769:ANE458770 ADE458769:ADI458770 TI458769:TM458770 JM458769:JQ458770 R458769:V458770 WVY393233:WWC393234 WMC393233:WMG393234 WCG393233:WCK393234 VSK393233:VSO393234 VIO393233:VIS393234 UYS393233:UYW393234 UOW393233:UPA393234 UFA393233:UFE393234 TVE393233:TVI393234 TLI393233:TLM393234 TBM393233:TBQ393234 SRQ393233:SRU393234 SHU393233:SHY393234 RXY393233:RYC393234 ROC393233:ROG393234 REG393233:REK393234 QUK393233:QUO393234 QKO393233:QKS393234 QAS393233:QAW393234 PQW393233:PRA393234 PHA393233:PHE393234 OXE393233:OXI393234 ONI393233:ONM393234 ODM393233:ODQ393234 NTQ393233:NTU393234 NJU393233:NJY393234 MZY393233:NAC393234 MQC393233:MQG393234 MGG393233:MGK393234 LWK393233:LWO393234 LMO393233:LMS393234 LCS393233:LCW393234 KSW393233:KTA393234 KJA393233:KJE393234 JZE393233:JZI393234 JPI393233:JPM393234 JFM393233:JFQ393234 IVQ393233:IVU393234 ILU393233:ILY393234 IBY393233:ICC393234 HSC393233:HSG393234 HIG393233:HIK393234 GYK393233:GYO393234 GOO393233:GOS393234 GES393233:GEW393234 FUW393233:FVA393234 FLA393233:FLE393234 FBE393233:FBI393234 ERI393233:ERM393234 EHM393233:EHQ393234 DXQ393233:DXU393234 DNU393233:DNY393234 DDY393233:DEC393234 CUC393233:CUG393234 CKG393233:CKK393234 CAK393233:CAO393234 BQO393233:BQS393234 BGS393233:BGW393234 AWW393233:AXA393234 ANA393233:ANE393234 ADE393233:ADI393234 TI393233:TM393234 JM393233:JQ393234 R393233:V393234 WVY327697:WWC327698 WMC327697:WMG327698 WCG327697:WCK327698 VSK327697:VSO327698 VIO327697:VIS327698 UYS327697:UYW327698 UOW327697:UPA327698 UFA327697:UFE327698 TVE327697:TVI327698 TLI327697:TLM327698 TBM327697:TBQ327698 SRQ327697:SRU327698 SHU327697:SHY327698 RXY327697:RYC327698 ROC327697:ROG327698 REG327697:REK327698 QUK327697:QUO327698 QKO327697:QKS327698 QAS327697:QAW327698 PQW327697:PRA327698 PHA327697:PHE327698 OXE327697:OXI327698 ONI327697:ONM327698 ODM327697:ODQ327698 NTQ327697:NTU327698 NJU327697:NJY327698 MZY327697:NAC327698 MQC327697:MQG327698 MGG327697:MGK327698 LWK327697:LWO327698 LMO327697:LMS327698 LCS327697:LCW327698 KSW327697:KTA327698 KJA327697:KJE327698 JZE327697:JZI327698 JPI327697:JPM327698 JFM327697:JFQ327698 IVQ327697:IVU327698 ILU327697:ILY327698 IBY327697:ICC327698 HSC327697:HSG327698 HIG327697:HIK327698 GYK327697:GYO327698 GOO327697:GOS327698 GES327697:GEW327698 FUW327697:FVA327698 FLA327697:FLE327698 FBE327697:FBI327698 ERI327697:ERM327698 EHM327697:EHQ327698 DXQ327697:DXU327698 DNU327697:DNY327698 DDY327697:DEC327698 CUC327697:CUG327698 CKG327697:CKK327698 CAK327697:CAO327698 BQO327697:BQS327698 BGS327697:BGW327698 AWW327697:AXA327698 ANA327697:ANE327698 ADE327697:ADI327698 TI327697:TM327698 JM327697:JQ327698 R327697:V327698 WVY262161:WWC262162 WMC262161:WMG262162 WCG262161:WCK262162 VSK262161:VSO262162 VIO262161:VIS262162 UYS262161:UYW262162 UOW262161:UPA262162 UFA262161:UFE262162 TVE262161:TVI262162 TLI262161:TLM262162 TBM262161:TBQ262162 SRQ262161:SRU262162 SHU262161:SHY262162 RXY262161:RYC262162 ROC262161:ROG262162 REG262161:REK262162 QUK262161:QUO262162 QKO262161:QKS262162 QAS262161:QAW262162 PQW262161:PRA262162 PHA262161:PHE262162 OXE262161:OXI262162 ONI262161:ONM262162 ODM262161:ODQ262162 NTQ262161:NTU262162 NJU262161:NJY262162 MZY262161:NAC262162 MQC262161:MQG262162 MGG262161:MGK262162 LWK262161:LWO262162 LMO262161:LMS262162 LCS262161:LCW262162 KSW262161:KTA262162 KJA262161:KJE262162 JZE262161:JZI262162 JPI262161:JPM262162 JFM262161:JFQ262162 IVQ262161:IVU262162 ILU262161:ILY262162 IBY262161:ICC262162 HSC262161:HSG262162 HIG262161:HIK262162 GYK262161:GYO262162 GOO262161:GOS262162 GES262161:GEW262162 FUW262161:FVA262162 FLA262161:FLE262162 FBE262161:FBI262162 ERI262161:ERM262162 EHM262161:EHQ262162 DXQ262161:DXU262162 DNU262161:DNY262162 DDY262161:DEC262162 CUC262161:CUG262162 CKG262161:CKK262162 CAK262161:CAO262162 BQO262161:BQS262162 BGS262161:BGW262162 AWW262161:AXA262162 ANA262161:ANE262162 ADE262161:ADI262162 TI262161:TM262162 JM262161:JQ262162 R262161:V262162 WVY196625:WWC196626 WMC196625:WMG196626 WCG196625:WCK196626 VSK196625:VSO196626 VIO196625:VIS196626 UYS196625:UYW196626 UOW196625:UPA196626 UFA196625:UFE196626 TVE196625:TVI196626 TLI196625:TLM196626 TBM196625:TBQ196626 SRQ196625:SRU196626 SHU196625:SHY196626 RXY196625:RYC196626 ROC196625:ROG196626 REG196625:REK196626 QUK196625:QUO196626 QKO196625:QKS196626 QAS196625:QAW196626 PQW196625:PRA196626 PHA196625:PHE196626 OXE196625:OXI196626 ONI196625:ONM196626 ODM196625:ODQ196626 NTQ196625:NTU196626 NJU196625:NJY196626 MZY196625:NAC196626 MQC196625:MQG196626 MGG196625:MGK196626 LWK196625:LWO196626 LMO196625:LMS196626 LCS196625:LCW196626 KSW196625:KTA196626 KJA196625:KJE196626 JZE196625:JZI196626 JPI196625:JPM196626 JFM196625:JFQ196626 IVQ196625:IVU196626 ILU196625:ILY196626 IBY196625:ICC196626 HSC196625:HSG196626 HIG196625:HIK196626 GYK196625:GYO196626 GOO196625:GOS196626 GES196625:GEW196626 FUW196625:FVA196626 FLA196625:FLE196626 FBE196625:FBI196626 ERI196625:ERM196626 EHM196625:EHQ196626 DXQ196625:DXU196626 DNU196625:DNY196626 DDY196625:DEC196626 CUC196625:CUG196626 CKG196625:CKK196626 CAK196625:CAO196626 BQO196625:BQS196626 BGS196625:BGW196626 AWW196625:AXA196626 ANA196625:ANE196626 ADE196625:ADI196626 TI196625:TM196626 JM196625:JQ196626 R196625:V196626 WVY131089:WWC131090 WMC131089:WMG131090 WCG131089:WCK131090 VSK131089:VSO131090 VIO131089:VIS131090 UYS131089:UYW131090 UOW131089:UPA131090 UFA131089:UFE131090 TVE131089:TVI131090 TLI131089:TLM131090 TBM131089:TBQ131090 SRQ131089:SRU131090 SHU131089:SHY131090 RXY131089:RYC131090 ROC131089:ROG131090 REG131089:REK131090 QUK131089:QUO131090 QKO131089:QKS131090 QAS131089:QAW131090 PQW131089:PRA131090 PHA131089:PHE131090 OXE131089:OXI131090 ONI131089:ONM131090 ODM131089:ODQ131090 NTQ131089:NTU131090 NJU131089:NJY131090 MZY131089:NAC131090 MQC131089:MQG131090 MGG131089:MGK131090 LWK131089:LWO131090 LMO131089:LMS131090 LCS131089:LCW131090 KSW131089:KTA131090 KJA131089:KJE131090 JZE131089:JZI131090 JPI131089:JPM131090 JFM131089:JFQ131090 IVQ131089:IVU131090 ILU131089:ILY131090 IBY131089:ICC131090 HSC131089:HSG131090 HIG131089:HIK131090 GYK131089:GYO131090 GOO131089:GOS131090 GES131089:GEW131090 FUW131089:FVA131090 FLA131089:FLE131090 FBE131089:FBI131090 ERI131089:ERM131090 EHM131089:EHQ131090 DXQ131089:DXU131090 DNU131089:DNY131090 DDY131089:DEC131090 CUC131089:CUG131090 CKG131089:CKK131090 CAK131089:CAO131090 BQO131089:BQS131090 BGS131089:BGW131090 AWW131089:AXA131090 ANA131089:ANE131090 ADE131089:ADI131090 TI131089:TM131090 JM131089:JQ131090 R131089:V131090 WVY65553:WWC65554 WMC65553:WMG65554 WCG65553:WCK65554 VSK65553:VSO65554 VIO65553:VIS65554 UYS65553:UYW65554 UOW65553:UPA65554 UFA65553:UFE65554 TVE65553:TVI65554 TLI65553:TLM65554 TBM65553:TBQ65554 SRQ65553:SRU65554 SHU65553:SHY65554 RXY65553:RYC65554 ROC65553:ROG65554 REG65553:REK65554 QUK65553:QUO65554 QKO65553:QKS65554 QAS65553:QAW65554 PQW65553:PRA65554 PHA65553:PHE65554 OXE65553:OXI65554 ONI65553:ONM65554 ODM65553:ODQ65554 NTQ65553:NTU65554 NJU65553:NJY65554 MZY65553:NAC65554 MQC65553:MQG65554 MGG65553:MGK65554 LWK65553:LWO65554 LMO65553:LMS65554 LCS65553:LCW65554 KSW65553:KTA65554 KJA65553:KJE65554 JZE65553:JZI65554 JPI65553:JPM65554 JFM65553:JFQ65554 IVQ65553:IVU65554 ILU65553:ILY65554 IBY65553:ICC65554 HSC65553:HSG65554 HIG65553:HIK65554 GYK65553:GYO65554 GOO65553:GOS65554 GES65553:GEW65554 FUW65553:FVA65554 FLA65553:FLE65554 FBE65553:FBI65554 ERI65553:ERM65554 EHM65553:EHQ65554 DXQ65553:DXU65554 DNU65553:DNY65554 DDY65553:DEC65554 CUC65553:CUG65554 CKG65553:CKK65554 CAK65553:CAO65554 BQO65553:BQS65554 BGS65553:BGW65554 AWW65553:AXA65554 ANA65553:ANE65554 ADE65553:ADI65554 TI65553:TM65554 JM65553:JQ65554 R65553:V65554 WVY17:WWC18 WMC17:WMG18 WCG17:WCK18 VSK17:VSO18 VIO17:VIS18 UYS17:UYW18 UOW17:UPA18 UFA17:UFE18 TVE17:TVI18 TLI17:TLM18 TBM17:TBQ18 SRQ17:SRU18 SHU17:SHY18 RXY17:RYC18 ROC17:ROG18 REG17:REK18 QUK17:QUO18 QKO17:QKS18 QAS17:QAW18 PQW17:PRA18 PHA17:PHE18 OXE17:OXI18 ONI17:ONM18 ODM17:ODQ18 NTQ17:NTU18 NJU17:NJY18 MZY17:NAC18 MQC17:MQG18 MGG17:MGK18 LWK17:LWO18 LMO17:LMS18 LCS17:LCW18 KSW17:KTA18 KJA17:KJE18 JZE17:JZI18 JPI17:JPM18 JFM17:JFQ18 IVQ17:IVU18 ILU17:ILY18 IBY17:ICC18 HSC17:HSG18 HIG17:HIK18 GYK17:GYO18 GOO17:GOS18 GES17:GEW18 FUW17:FVA18 FLA17:FLE18 FBE17:FBI18 ERI17:ERM18 EHM17:EHQ18 DXQ17:DXU18 DNU17:DNY18 DDY17:DEC18 CUC17:CUG18 CKG17:CKK18 CAK17:CAO18 BQO17:BQS18 BGS17:BGW18 AWW17:AXA18 ANA17:ANE18 ADE17:ADI18 TI17:TM18 JM17:JQ18 R14:V15 WVK983057:WVR983058 WLO983057:WLV983058 WBS983057:WBZ983058 VRW983057:VSD983058 VIA983057:VIH983058 UYE983057:UYL983058 UOI983057:UOP983058 UEM983057:UET983058 TUQ983057:TUX983058 TKU983057:TLB983058 TAY983057:TBF983058 SRC983057:SRJ983058 SHG983057:SHN983058 RXK983057:RXR983058 RNO983057:RNV983058 RDS983057:RDZ983058 QTW983057:QUD983058 QKA983057:QKH983058 QAE983057:QAL983058 PQI983057:PQP983058 PGM983057:PGT983058 OWQ983057:OWX983058 OMU983057:ONB983058 OCY983057:ODF983058 NTC983057:NTJ983058 NJG983057:NJN983058 MZK983057:MZR983058 MPO983057:MPV983058 MFS983057:MFZ983058 LVW983057:LWD983058 LMA983057:LMH983058 LCE983057:LCL983058 KSI983057:KSP983058 KIM983057:KIT983058 JYQ983057:JYX983058 JOU983057:JPB983058 JEY983057:JFF983058 IVC983057:IVJ983058 ILG983057:ILN983058 IBK983057:IBR983058 HRO983057:HRV983058 HHS983057:HHZ983058 GXW983057:GYD983058 GOA983057:GOH983058 GEE983057:GEL983058 FUI983057:FUP983058 FKM983057:FKT983058 FAQ983057:FAX983058 EQU983057:ERB983058 EGY983057:EHF983058 DXC983057:DXJ983058 DNG983057:DNN983058 DDK983057:DDR983058 CTO983057:CTV983058 CJS983057:CJZ983058 BZW983057:CAD983058 BQA983057:BQH983058 BGE983057:BGL983058 AWI983057:AWP983058 AMM983057:AMT983058 ACQ983057:ACX983058 SU983057:TB983058 IY983057:JF983058 E11:K12 WVK917521:WVR917522 WLO917521:WLV917522 WBS917521:WBZ917522 VRW917521:VSD917522 VIA917521:VIH917522 UYE917521:UYL917522 UOI917521:UOP917522 UEM917521:UET917522 TUQ917521:TUX917522 TKU917521:TLB917522 TAY917521:TBF917522 SRC917521:SRJ917522 SHG917521:SHN917522 RXK917521:RXR917522 RNO917521:RNV917522 RDS917521:RDZ917522 QTW917521:QUD917522 QKA917521:QKH917522 QAE917521:QAL917522 PQI917521:PQP917522 PGM917521:PGT917522 OWQ917521:OWX917522 OMU917521:ONB917522 OCY917521:ODF917522 NTC917521:NTJ917522 NJG917521:NJN917522 MZK917521:MZR917522 MPO917521:MPV917522 MFS917521:MFZ917522 LVW917521:LWD917522 LMA917521:LMH917522 LCE917521:LCL917522 KSI917521:KSP917522 KIM917521:KIT917522 JYQ917521:JYX917522 JOU917521:JPB917522 JEY917521:JFF917522 IVC917521:IVJ917522 ILG917521:ILN917522 IBK917521:IBR917522 HRO917521:HRV917522 HHS917521:HHZ917522 GXW917521:GYD917522 GOA917521:GOH917522 GEE917521:GEL917522 FUI917521:FUP917522 FKM917521:FKT917522 FAQ917521:FAX917522 EQU917521:ERB917522 EGY917521:EHF917522 DXC917521:DXJ917522 DNG917521:DNN917522 DDK917521:DDR917522 CTO917521:CTV917522 CJS917521:CJZ917522 BZW917521:CAD917522 BQA917521:BQH917522 BGE917521:BGL917522 AWI917521:AWP917522 AMM917521:AMT917522 ACQ917521:ACX917522 SU917521:TB917522 IY917521:JF917522 E983057:K983058 WVK851985:WVR851986 WLO851985:WLV851986 WBS851985:WBZ851986 VRW851985:VSD851986 VIA851985:VIH851986 UYE851985:UYL851986 UOI851985:UOP851986 UEM851985:UET851986 TUQ851985:TUX851986 TKU851985:TLB851986 TAY851985:TBF851986 SRC851985:SRJ851986 SHG851985:SHN851986 RXK851985:RXR851986 RNO851985:RNV851986 RDS851985:RDZ851986 QTW851985:QUD851986 QKA851985:QKH851986 QAE851985:QAL851986 PQI851985:PQP851986 PGM851985:PGT851986 OWQ851985:OWX851986 OMU851985:ONB851986 OCY851985:ODF851986 NTC851985:NTJ851986 NJG851985:NJN851986 MZK851985:MZR851986 MPO851985:MPV851986 MFS851985:MFZ851986 LVW851985:LWD851986 LMA851985:LMH851986 LCE851985:LCL851986 KSI851985:KSP851986 KIM851985:KIT851986 JYQ851985:JYX851986 JOU851985:JPB851986 JEY851985:JFF851986 IVC851985:IVJ851986 ILG851985:ILN851986 IBK851985:IBR851986 HRO851985:HRV851986 HHS851985:HHZ851986 GXW851985:GYD851986 GOA851985:GOH851986 GEE851985:GEL851986 FUI851985:FUP851986 FKM851985:FKT851986 FAQ851985:FAX851986 EQU851985:ERB851986 EGY851985:EHF851986 DXC851985:DXJ851986 DNG851985:DNN851986 DDK851985:DDR851986 CTO851985:CTV851986 CJS851985:CJZ851986 BZW851985:CAD851986 BQA851985:BQH851986 BGE851985:BGL851986 AWI851985:AWP851986 AMM851985:AMT851986 ACQ851985:ACX851986 SU851985:TB851986 IY851985:JF851986 E917521:K917522 WVK786449:WVR786450 WLO786449:WLV786450 WBS786449:WBZ786450 VRW786449:VSD786450 VIA786449:VIH786450 UYE786449:UYL786450 UOI786449:UOP786450 UEM786449:UET786450 TUQ786449:TUX786450 TKU786449:TLB786450 TAY786449:TBF786450 SRC786449:SRJ786450 SHG786449:SHN786450 RXK786449:RXR786450 RNO786449:RNV786450 RDS786449:RDZ786450 QTW786449:QUD786450 QKA786449:QKH786450 QAE786449:QAL786450 PQI786449:PQP786450 PGM786449:PGT786450 OWQ786449:OWX786450 OMU786449:ONB786450 OCY786449:ODF786450 NTC786449:NTJ786450 NJG786449:NJN786450 MZK786449:MZR786450 MPO786449:MPV786450 MFS786449:MFZ786450 LVW786449:LWD786450 LMA786449:LMH786450 LCE786449:LCL786450 KSI786449:KSP786450 KIM786449:KIT786450 JYQ786449:JYX786450 JOU786449:JPB786450 JEY786449:JFF786450 IVC786449:IVJ786450 ILG786449:ILN786450 IBK786449:IBR786450 HRO786449:HRV786450 HHS786449:HHZ786450 GXW786449:GYD786450 GOA786449:GOH786450 GEE786449:GEL786450 FUI786449:FUP786450 FKM786449:FKT786450 FAQ786449:FAX786450 EQU786449:ERB786450 EGY786449:EHF786450 DXC786449:DXJ786450 DNG786449:DNN786450 DDK786449:DDR786450 CTO786449:CTV786450 CJS786449:CJZ786450 BZW786449:CAD786450 BQA786449:BQH786450 BGE786449:BGL786450 AWI786449:AWP786450 AMM786449:AMT786450 ACQ786449:ACX786450 SU786449:TB786450 IY786449:JF786450 E851985:K851986 WVK720913:WVR720914 WLO720913:WLV720914 WBS720913:WBZ720914 VRW720913:VSD720914 VIA720913:VIH720914 UYE720913:UYL720914 UOI720913:UOP720914 UEM720913:UET720914 TUQ720913:TUX720914 TKU720913:TLB720914 TAY720913:TBF720914 SRC720913:SRJ720914 SHG720913:SHN720914 RXK720913:RXR720914 RNO720913:RNV720914 RDS720913:RDZ720914 QTW720913:QUD720914 QKA720913:QKH720914 QAE720913:QAL720914 PQI720913:PQP720914 PGM720913:PGT720914 OWQ720913:OWX720914 OMU720913:ONB720914 OCY720913:ODF720914 NTC720913:NTJ720914 NJG720913:NJN720914 MZK720913:MZR720914 MPO720913:MPV720914 MFS720913:MFZ720914 LVW720913:LWD720914 LMA720913:LMH720914 LCE720913:LCL720914 KSI720913:KSP720914 KIM720913:KIT720914 JYQ720913:JYX720914 JOU720913:JPB720914 JEY720913:JFF720914 IVC720913:IVJ720914 ILG720913:ILN720914 IBK720913:IBR720914 HRO720913:HRV720914 HHS720913:HHZ720914 GXW720913:GYD720914 GOA720913:GOH720914 GEE720913:GEL720914 FUI720913:FUP720914 FKM720913:FKT720914 FAQ720913:FAX720914 EQU720913:ERB720914 EGY720913:EHF720914 DXC720913:DXJ720914 DNG720913:DNN720914 DDK720913:DDR720914 CTO720913:CTV720914 CJS720913:CJZ720914 BZW720913:CAD720914 BQA720913:BQH720914 BGE720913:BGL720914 AWI720913:AWP720914 AMM720913:AMT720914 ACQ720913:ACX720914 SU720913:TB720914 IY720913:JF720914 E786449:K786450 WVK655377:WVR655378 WLO655377:WLV655378 WBS655377:WBZ655378 VRW655377:VSD655378 VIA655377:VIH655378 UYE655377:UYL655378 UOI655377:UOP655378 UEM655377:UET655378 TUQ655377:TUX655378 TKU655377:TLB655378 TAY655377:TBF655378 SRC655377:SRJ655378 SHG655377:SHN655378 RXK655377:RXR655378 RNO655377:RNV655378 RDS655377:RDZ655378 QTW655377:QUD655378 QKA655377:QKH655378 QAE655377:QAL655378 PQI655377:PQP655378 PGM655377:PGT655378 OWQ655377:OWX655378 OMU655377:ONB655378 OCY655377:ODF655378 NTC655377:NTJ655378 NJG655377:NJN655378 MZK655377:MZR655378 MPO655377:MPV655378 MFS655377:MFZ655378 LVW655377:LWD655378 LMA655377:LMH655378 LCE655377:LCL655378 KSI655377:KSP655378 KIM655377:KIT655378 JYQ655377:JYX655378 JOU655377:JPB655378 JEY655377:JFF655378 IVC655377:IVJ655378 ILG655377:ILN655378 IBK655377:IBR655378 HRO655377:HRV655378 HHS655377:HHZ655378 GXW655377:GYD655378 GOA655377:GOH655378 GEE655377:GEL655378 FUI655377:FUP655378 FKM655377:FKT655378 FAQ655377:FAX655378 EQU655377:ERB655378 EGY655377:EHF655378 DXC655377:DXJ655378 DNG655377:DNN655378 DDK655377:DDR655378 CTO655377:CTV655378 CJS655377:CJZ655378 BZW655377:CAD655378 BQA655377:BQH655378 BGE655377:BGL655378 AWI655377:AWP655378 AMM655377:AMT655378 ACQ655377:ACX655378 SU655377:TB655378 IY655377:JF655378 E720913:K720914 WVK589841:WVR589842 WLO589841:WLV589842 WBS589841:WBZ589842 VRW589841:VSD589842 VIA589841:VIH589842 UYE589841:UYL589842 UOI589841:UOP589842 UEM589841:UET589842 TUQ589841:TUX589842 TKU589841:TLB589842 TAY589841:TBF589842 SRC589841:SRJ589842 SHG589841:SHN589842 RXK589841:RXR589842 RNO589841:RNV589842 RDS589841:RDZ589842 QTW589841:QUD589842 QKA589841:QKH589842 QAE589841:QAL589842 PQI589841:PQP589842 PGM589841:PGT589842 OWQ589841:OWX589842 OMU589841:ONB589842 OCY589841:ODF589842 NTC589841:NTJ589842 NJG589841:NJN589842 MZK589841:MZR589842 MPO589841:MPV589842 MFS589841:MFZ589842 LVW589841:LWD589842 LMA589841:LMH589842 LCE589841:LCL589842 KSI589841:KSP589842 KIM589841:KIT589842 JYQ589841:JYX589842 JOU589841:JPB589842 JEY589841:JFF589842 IVC589841:IVJ589842 ILG589841:ILN589842 IBK589841:IBR589842 HRO589841:HRV589842 HHS589841:HHZ589842 GXW589841:GYD589842 GOA589841:GOH589842 GEE589841:GEL589842 FUI589841:FUP589842 FKM589841:FKT589842 FAQ589841:FAX589842 EQU589841:ERB589842 EGY589841:EHF589842 DXC589841:DXJ589842 DNG589841:DNN589842 DDK589841:DDR589842 CTO589841:CTV589842 CJS589841:CJZ589842 BZW589841:CAD589842 BQA589841:BQH589842 BGE589841:BGL589842 AWI589841:AWP589842 AMM589841:AMT589842 ACQ589841:ACX589842 SU589841:TB589842 IY589841:JF589842 E655377:K655378 WVK524305:WVR524306 WLO524305:WLV524306 WBS524305:WBZ524306 VRW524305:VSD524306 VIA524305:VIH524306 UYE524305:UYL524306 UOI524305:UOP524306 UEM524305:UET524306 TUQ524305:TUX524306 TKU524305:TLB524306 TAY524305:TBF524306 SRC524305:SRJ524306 SHG524305:SHN524306 RXK524305:RXR524306 RNO524305:RNV524306 RDS524305:RDZ524306 QTW524305:QUD524306 QKA524305:QKH524306 QAE524305:QAL524306 PQI524305:PQP524306 PGM524305:PGT524306 OWQ524305:OWX524306 OMU524305:ONB524306 OCY524305:ODF524306 NTC524305:NTJ524306 NJG524305:NJN524306 MZK524305:MZR524306 MPO524305:MPV524306 MFS524305:MFZ524306 LVW524305:LWD524306 LMA524305:LMH524306 LCE524305:LCL524306 KSI524305:KSP524306 KIM524305:KIT524306 JYQ524305:JYX524306 JOU524305:JPB524306 JEY524305:JFF524306 IVC524305:IVJ524306 ILG524305:ILN524306 IBK524305:IBR524306 HRO524305:HRV524306 HHS524305:HHZ524306 GXW524305:GYD524306 GOA524305:GOH524306 GEE524305:GEL524306 FUI524305:FUP524306 FKM524305:FKT524306 FAQ524305:FAX524306 EQU524305:ERB524306 EGY524305:EHF524306 DXC524305:DXJ524306 DNG524305:DNN524306 DDK524305:DDR524306 CTO524305:CTV524306 CJS524305:CJZ524306 BZW524305:CAD524306 BQA524305:BQH524306 BGE524305:BGL524306 AWI524305:AWP524306 AMM524305:AMT524306 ACQ524305:ACX524306 SU524305:TB524306 IY524305:JF524306 E589841:K589842 WVK458769:WVR458770 WLO458769:WLV458770 WBS458769:WBZ458770 VRW458769:VSD458770 VIA458769:VIH458770 UYE458769:UYL458770 UOI458769:UOP458770 UEM458769:UET458770 TUQ458769:TUX458770 TKU458769:TLB458770 TAY458769:TBF458770 SRC458769:SRJ458770 SHG458769:SHN458770 RXK458769:RXR458770 RNO458769:RNV458770 RDS458769:RDZ458770 QTW458769:QUD458770 QKA458769:QKH458770 QAE458769:QAL458770 PQI458769:PQP458770 PGM458769:PGT458770 OWQ458769:OWX458770 OMU458769:ONB458770 OCY458769:ODF458770 NTC458769:NTJ458770 NJG458769:NJN458770 MZK458769:MZR458770 MPO458769:MPV458770 MFS458769:MFZ458770 LVW458769:LWD458770 LMA458769:LMH458770 LCE458769:LCL458770 KSI458769:KSP458770 KIM458769:KIT458770 JYQ458769:JYX458770 JOU458769:JPB458770 JEY458769:JFF458770 IVC458769:IVJ458770 ILG458769:ILN458770 IBK458769:IBR458770 HRO458769:HRV458770 HHS458769:HHZ458770 GXW458769:GYD458770 GOA458769:GOH458770 GEE458769:GEL458770 FUI458769:FUP458770 FKM458769:FKT458770 FAQ458769:FAX458770 EQU458769:ERB458770 EGY458769:EHF458770 DXC458769:DXJ458770 DNG458769:DNN458770 DDK458769:DDR458770 CTO458769:CTV458770 CJS458769:CJZ458770 BZW458769:CAD458770 BQA458769:BQH458770 BGE458769:BGL458770 AWI458769:AWP458770 AMM458769:AMT458770 ACQ458769:ACX458770 SU458769:TB458770 IY458769:JF458770 E524305:K524306 WVK393233:WVR393234 WLO393233:WLV393234 WBS393233:WBZ393234 VRW393233:VSD393234 VIA393233:VIH393234 UYE393233:UYL393234 UOI393233:UOP393234 UEM393233:UET393234 TUQ393233:TUX393234 TKU393233:TLB393234 TAY393233:TBF393234 SRC393233:SRJ393234 SHG393233:SHN393234 RXK393233:RXR393234 RNO393233:RNV393234 RDS393233:RDZ393234 QTW393233:QUD393234 QKA393233:QKH393234 QAE393233:QAL393234 PQI393233:PQP393234 PGM393233:PGT393234 OWQ393233:OWX393234 OMU393233:ONB393234 OCY393233:ODF393234 NTC393233:NTJ393234 NJG393233:NJN393234 MZK393233:MZR393234 MPO393233:MPV393234 MFS393233:MFZ393234 LVW393233:LWD393234 LMA393233:LMH393234 LCE393233:LCL393234 KSI393233:KSP393234 KIM393233:KIT393234 JYQ393233:JYX393234 JOU393233:JPB393234 JEY393233:JFF393234 IVC393233:IVJ393234 ILG393233:ILN393234 IBK393233:IBR393234 HRO393233:HRV393234 HHS393233:HHZ393234 GXW393233:GYD393234 GOA393233:GOH393234 GEE393233:GEL393234 FUI393233:FUP393234 FKM393233:FKT393234 FAQ393233:FAX393234 EQU393233:ERB393234 EGY393233:EHF393234 DXC393233:DXJ393234 DNG393233:DNN393234 DDK393233:DDR393234 CTO393233:CTV393234 CJS393233:CJZ393234 BZW393233:CAD393234 BQA393233:BQH393234 BGE393233:BGL393234 AWI393233:AWP393234 AMM393233:AMT393234 ACQ393233:ACX393234 SU393233:TB393234 IY393233:JF393234 E458769:K458770 WVK327697:WVR327698 WLO327697:WLV327698 WBS327697:WBZ327698 VRW327697:VSD327698 VIA327697:VIH327698 UYE327697:UYL327698 UOI327697:UOP327698 UEM327697:UET327698 TUQ327697:TUX327698 TKU327697:TLB327698 TAY327697:TBF327698 SRC327697:SRJ327698 SHG327697:SHN327698 RXK327697:RXR327698 RNO327697:RNV327698 RDS327697:RDZ327698 QTW327697:QUD327698 QKA327697:QKH327698 QAE327697:QAL327698 PQI327697:PQP327698 PGM327697:PGT327698 OWQ327697:OWX327698 OMU327697:ONB327698 OCY327697:ODF327698 NTC327697:NTJ327698 NJG327697:NJN327698 MZK327697:MZR327698 MPO327697:MPV327698 MFS327697:MFZ327698 LVW327697:LWD327698 LMA327697:LMH327698 LCE327697:LCL327698 KSI327697:KSP327698 KIM327697:KIT327698 JYQ327697:JYX327698 JOU327697:JPB327698 JEY327697:JFF327698 IVC327697:IVJ327698 ILG327697:ILN327698 IBK327697:IBR327698 HRO327697:HRV327698 HHS327697:HHZ327698 GXW327697:GYD327698 GOA327697:GOH327698 GEE327697:GEL327698 FUI327697:FUP327698 FKM327697:FKT327698 FAQ327697:FAX327698 EQU327697:ERB327698 EGY327697:EHF327698 DXC327697:DXJ327698 DNG327697:DNN327698 DDK327697:DDR327698 CTO327697:CTV327698 CJS327697:CJZ327698 BZW327697:CAD327698 BQA327697:BQH327698 BGE327697:BGL327698 AWI327697:AWP327698 AMM327697:AMT327698 ACQ327697:ACX327698 SU327697:TB327698 IY327697:JF327698 E393233:K393234 WVK262161:WVR262162 WLO262161:WLV262162 WBS262161:WBZ262162 VRW262161:VSD262162 VIA262161:VIH262162 UYE262161:UYL262162 UOI262161:UOP262162 UEM262161:UET262162 TUQ262161:TUX262162 TKU262161:TLB262162 TAY262161:TBF262162 SRC262161:SRJ262162 SHG262161:SHN262162 RXK262161:RXR262162 RNO262161:RNV262162 RDS262161:RDZ262162 QTW262161:QUD262162 QKA262161:QKH262162 QAE262161:QAL262162 PQI262161:PQP262162 PGM262161:PGT262162 OWQ262161:OWX262162 OMU262161:ONB262162 OCY262161:ODF262162 NTC262161:NTJ262162 NJG262161:NJN262162 MZK262161:MZR262162 MPO262161:MPV262162 MFS262161:MFZ262162 LVW262161:LWD262162 LMA262161:LMH262162 LCE262161:LCL262162 KSI262161:KSP262162 KIM262161:KIT262162 JYQ262161:JYX262162 JOU262161:JPB262162 JEY262161:JFF262162 IVC262161:IVJ262162 ILG262161:ILN262162 IBK262161:IBR262162 HRO262161:HRV262162 HHS262161:HHZ262162 GXW262161:GYD262162 GOA262161:GOH262162 GEE262161:GEL262162 FUI262161:FUP262162 FKM262161:FKT262162 FAQ262161:FAX262162 EQU262161:ERB262162 EGY262161:EHF262162 DXC262161:DXJ262162 DNG262161:DNN262162 DDK262161:DDR262162 CTO262161:CTV262162 CJS262161:CJZ262162 BZW262161:CAD262162 BQA262161:BQH262162 BGE262161:BGL262162 AWI262161:AWP262162 AMM262161:AMT262162 ACQ262161:ACX262162 SU262161:TB262162 IY262161:JF262162 E327697:K327698 WVK196625:WVR196626 WLO196625:WLV196626 WBS196625:WBZ196626 VRW196625:VSD196626 VIA196625:VIH196626 UYE196625:UYL196626 UOI196625:UOP196626 UEM196625:UET196626 TUQ196625:TUX196626 TKU196625:TLB196626 TAY196625:TBF196626 SRC196625:SRJ196626 SHG196625:SHN196626 RXK196625:RXR196626 RNO196625:RNV196626 RDS196625:RDZ196626 QTW196625:QUD196626 QKA196625:QKH196626 QAE196625:QAL196626 PQI196625:PQP196626 PGM196625:PGT196626 OWQ196625:OWX196626 OMU196625:ONB196626 OCY196625:ODF196626 NTC196625:NTJ196626 NJG196625:NJN196626 MZK196625:MZR196626 MPO196625:MPV196626 MFS196625:MFZ196626 LVW196625:LWD196626 LMA196625:LMH196626 LCE196625:LCL196626 KSI196625:KSP196626 KIM196625:KIT196626 JYQ196625:JYX196626 JOU196625:JPB196626 JEY196625:JFF196626 IVC196625:IVJ196626 ILG196625:ILN196626 IBK196625:IBR196626 HRO196625:HRV196626 HHS196625:HHZ196626 GXW196625:GYD196626 GOA196625:GOH196626 GEE196625:GEL196626 FUI196625:FUP196626 FKM196625:FKT196626 FAQ196625:FAX196626 EQU196625:ERB196626 EGY196625:EHF196626 DXC196625:DXJ196626 DNG196625:DNN196626 DDK196625:DDR196626 CTO196625:CTV196626 CJS196625:CJZ196626 BZW196625:CAD196626 BQA196625:BQH196626 BGE196625:BGL196626 AWI196625:AWP196626 AMM196625:AMT196626 ACQ196625:ACX196626 SU196625:TB196626 IY196625:JF196626 E262161:K262162 WVK131089:WVR131090 WLO131089:WLV131090 WBS131089:WBZ131090 VRW131089:VSD131090 VIA131089:VIH131090 UYE131089:UYL131090 UOI131089:UOP131090 UEM131089:UET131090 TUQ131089:TUX131090 TKU131089:TLB131090 TAY131089:TBF131090 SRC131089:SRJ131090 SHG131089:SHN131090 RXK131089:RXR131090 RNO131089:RNV131090 RDS131089:RDZ131090 QTW131089:QUD131090 QKA131089:QKH131090 QAE131089:QAL131090 PQI131089:PQP131090 PGM131089:PGT131090 OWQ131089:OWX131090 OMU131089:ONB131090 OCY131089:ODF131090 NTC131089:NTJ131090 NJG131089:NJN131090 MZK131089:MZR131090 MPO131089:MPV131090 MFS131089:MFZ131090 LVW131089:LWD131090 LMA131089:LMH131090 LCE131089:LCL131090 KSI131089:KSP131090 KIM131089:KIT131090 JYQ131089:JYX131090 JOU131089:JPB131090 JEY131089:JFF131090 IVC131089:IVJ131090 ILG131089:ILN131090 IBK131089:IBR131090 HRO131089:HRV131090 HHS131089:HHZ131090 GXW131089:GYD131090 GOA131089:GOH131090 GEE131089:GEL131090 FUI131089:FUP131090 FKM131089:FKT131090 FAQ131089:FAX131090 EQU131089:ERB131090 EGY131089:EHF131090 DXC131089:DXJ131090 DNG131089:DNN131090 DDK131089:DDR131090 CTO131089:CTV131090 CJS131089:CJZ131090 BZW131089:CAD131090 BQA131089:BQH131090 BGE131089:BGL131090 AWI131089:AWP131090 AMM131089:AMT131090 ACQ131089:ACX131090 SU131089:TB131090 IY131089:JF131090 E196625:K196626 WVK65553:WVR65554 WLO65553:WLV65554 WBS65553:WBZ65554 VRW65553:VSD65554 VIA65553:VIH65554 UYE65553:UYL65554 UOI65553:UOP65554 UEM65553:UET65554 TUQ65553:TUX65554 TKU65553:TLB65554 TAY65553:TBF65554 SRC65553:SRJ65554 SHG65553:SHN65554 RXK65553:RXR65554 RNO65553:RNV65554 RDS65553:RDZ65554 QTW65553:QUD65554 QKA65553:QKH65554 QAE65553:QAL65554 PQI65553:PQP65554 PGM65553:PGT65554 OWQ65553:OWX65554 OMU65553:ONB65554 OCY65553:ODF65554 NTC65553:NTJ65554 NJG65553:NJN65554 MZK65553:MZR65554 MPO65553:MPV65554 MFS65553:MFZ65554 LVW65553:LWD65554 LMA65553:LMH65554 LCE65553:LCL65554 KSI65553:KSP65554 KIM65553:KIT65554 JYQ65553:JYX65554 JOU65553:JPB65554 JEY65553:JFF65554 IVC65553:IVJ65554 ILG65553:ILN65554 IBK65553:IBR65554 HRO65553:HRV65554 HHS65553:HHZ65554 GXW65553:GYD65554 GOA65553:GOH65554 GEE65553:GEL65554 FUI65553:FUP65554 FKM65553:FKT65554 FAQ65553:FAX65554 EQU65553:ERB65554 EGY65553:EHF65554 DXC65553:DXJ65554 DNG65553:DNN65554 DDK65553:DDR65554 CTO65553:CTV65554 CJS65553:CJZ65554 BZW65553:CAD65554 BQA65553:BQH65554 BGE65553:BGL65554 AWI65553:AWP65554 AMM65553:AMT65554 ACQ65553:ACX65554 SU65553:TB65554 IY65553:JF65554 E131089:K131090 WVK17:WVR18 WLO17:WLV18 WBS17:WBZ18 VRW17:VSD18 VIA17:VIH18 UYE17:UYL18 UOI17:UOP18 UEM17:UET18 TUQ17:TUX18 TKU17:TLB18 TAY17:TBF18 SRC17:SRJ18 SHG17:SHN18 RXK17:RXR18 RNO17:RNV18 RDS17:RDZ18 QTW17:QUD18 QKA17:QKH18 QAE17:QAL18 PQI17:PQP18 PGM17:PGT18 OWQ17:OWX18 OMU17:ONB18 OCY17:ODF18 NTC17:NTJ18 NJG17:NJN18 MZK17:MZR18 MPO17:MPV18 MFS17:MFZ18 LVW17:LWD18 LMA17:LMH18 LCE17:LCL18 KSI17:KSP18 KIM17:KIT18 JYQ17:JYX18 JOU17:JPB18 JEY17:JFF18 IVC17:IVJ18 ILG17:ILN18 IBK17:IBR18 HRO17:HRV18 HHS17:HHZ18 GXW17:GYD18 GOA17:GOH18 GEE17:GEL18 FUI17:FUP18 FKM17:FKT18 FAQ17:FAX18 EQU17:ERB18 EGY17:EHF18 DXC17:DXJ18 DNG17:DNN18 DDK17:DDR18 CTO17:CTV18 CJS17:CJZ18 BZW17:CAD18 BQA17:BQH18 BGE17:BGL18 AWI17:AWP18 AMM17:AMT18 ACQ17:ACX18 SU17:TB18 N17:P18 M17</xm:sqref>
        </x14:dataValidation>
      </x14:dataValidation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5-9</vt:lpstr>
      <vt:lpstr>'5-9'!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4-02-14T02:34:18Z</dcterms:created>
  <dcterms:modified xsi:type="dcterms:W3CDTF">2024-02-14T02:37:04Z</dcterms:modified>
</cp:coreProperties>
</file>